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9"/>
  </p:sldMasterIdLst>
  <p:notesMasterIdLst>
    <p:notesMasterId r:id="rId16"/>
  </p:notesMasterIdLst>
  <p:sldIdLst>
    <p:sldId id="262" r:id="rId10"/>
    <p:sldId id="263" r:id="rId11"/>
    <p:sldId id="264" r:id="rId12"/>
    <p:sldId id="265" r:id="rId13"/>
    <p:sldId id="285" r:id="rId14"/>
    <p:sldId id="266" r:id="rId15"/>
  </p:sldIdLst>
  <p:sldSz cx="12188825" cy="6858000"/>
  <p:notesSz cx="6858000" cy="9144000"/>
  <p:defaultTextStyle>
    <a:defPPr>
      <a:defRPr lang="da-DK"/>
    </a:defPPr>
    <a:lvl1pPr marL="0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1pPr>
    <a:lvl2pPr marL="483763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2pPr>
    <a:lvl3pPr marL="967527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3pPr>
    <a:lvl4pPr marL="1451290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4pPr>
    <a:lvl5pPr marL="1935053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5pPr>
    <a:lvl6pPr marL="2418817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6pPr>
    <a:lvl7pPr marL="2902580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7pPr>
    <a:lvl8pPr marL="3386343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8pPr>
    <a:lvl9pPr marL="3870107" algn="l" defTabSz="967527" rtl="0" eaLnBrk="1" latinLnBrk="0" hangingPunct="1">
      <a:defRPr sz="190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9D9D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586"/>
  </p:normalViewPr>
  <p:slideViewPr>
    <p:cSldViewPr snapToGrid="0" snapToObjects="1">
      <p:cViewPr varScale="1">
        <p:scale>
          <a:sx n="92" d="100"/>
          <a:sy n="92" d="100"/>
        </p:scale>
        <p:origin x="102" y="21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19" d="100"/>
          <a:sy n="119" d="100"/>
        </p:scale>
        <p:origin x="2760" y="2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4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10" Type="http://schemas.openxmlformats.org/officeDocument/2006/relationships/slide" Target="slides/slide1.xml"/><Relationship Id="rId19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Open Sans" panose="020B060603050402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Open Sans" panose="020B0606030504020204" pitchFamily="34" charset="0"/>
              </a:defRPr>
            </a:lvl1pPr>
          </a:lstStyle>
          <a:p>
            <a:fld id="{DCCB8CF4-8B7D-0347-B5F5-5630D5C5F925}" type="datetimeFigureOut">
              <a:rPr lang="da-DK" smtClean="0"/>
              <a:pPr/>
              <a:t>24-11-2021</a:t>
            </a:fld>
            <a:endParaRPr lang="da-DK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Open Sans" panose="020B060603050402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Open Sans" panose="020B0606030504020204" pitchFamily="34" charset="0"/>
              </a:defRPr>
            </a:lvl1pPr>
          </a:lstStyle>
          <a:p>
            <a:fld id="{D2B0507B-53A2-554C-AE98-86FCF7152BA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68201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67527" rtl="0" eaLnBrk="1" latinLnBrk="0" hangingPunct="1">
      <a:defRPr sz="127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1pPr>
    <a:lvl2pPr marL="483763" algn="l" defTabSz="967527" rtl="0" eaLnBrk="1" latinLnBrk="0" hangingPunct="1">
      <a:defRPr sz="127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2pPr>
    <a:lvl3pPr marL="967527" algn="l" defTabSz="967527" rtl="0" eaLnBrk="1" latinLnBrk="0" hangingPunct="1">
      <a:defRPr sz="127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3pPr>
    <a:lvl4pPr marL="1451290" algn="l" defTabSz="967527" rtl="0" eaLnBrk="1" latinLnBrk="0" hangingPunct="1">
      <a:defRPr sz="127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4pPr>
    <a:lvl5pPr marL="1935053" algn="l" defTabSz="967527" rtl="0" eaLnBrk="1" latinLnBrk="0" hangingPunct="1">
      <a:defRPr sz="127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5pPr>
    <a:lvl6pPr marL="2418817" algn="l" defTabSz="967527" rtl="0" eaLnBrk="1" latinLnBrk="0" hangingPunct="1">
      <a:defRPr sz="1270" kern="1200">
        <a:solidFill>
          <a:schemeClr val="tx1"/>
        </a:solidFill>
        <a:latin typeface="+mn-lt"/>
        <a:ea typeface="+mn-ea"/>
        <a:cs typeface="+mn-cs"/>
      </a:defRPr>
    </a:lvl6pPr>
    <a:lvl7pPr marL="2902580" algn="l" defTabSz="967527" rtl="0" eaLnBrk="1" latinLnBrk="0" hangingPunct="1">
      <a:defRPr sz="1270" kern="1200">
        <a:solidFill>
          <a:schemeClr val="tx1"/>
        </a:solidFill>
        <a:latin typeface="+mn-lt"/>
        <a:ea typeface="+mn-ea"/>
        <a:cs typeface="+mn-cs"/>
      </a:defRPr>
    </a:lvl7pPr>
    <a:lvl8pPr marL="3386343" algn="l" defTabSz="967527" rtl="0" eaLnBrk="1" latinLnBrk="0" hangingPunct="1">
      <a:defRPr sz="1270" kern="1200">
        <a:solidFill>
          <a:schemeClr val="tx1"/>
        </a:solidFill>
        <a:latin typeface="+mn-lt"/>
        <a:ea typeface="+mn-ea"/>
        <a:cs typeface="+mn-cs"/>
      </a:defRPr>
    </a:lvl8pPr>
    <a:lvl9pPr marL="3870107" algn="l" defTabSz="967527" rtl="0" eaLnBrk="1" latinLnBrk="0" hangingPunct="1">
      <a:defRPr sz="127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lide, baggrund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close up of a brick building&#10;&#10;Description automatically generated">
            <a:extLst>
              <a:ext uri="{FF2B5EF4-FFF2-40B4-BE49-F238E27FC236}">
                <a16:creationId xmlns:a16="http://schemas.microsoft.com/office/drawing/2014/main" id="{C1DCA004-15CB-45AE-A0AA-9ED58CB516C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267" b="1322"/>
          <a:stretch/>
        </p:blipFill>
        <p:spPr>
          <a:xfrm>
            <a:off x="0" y="1"/>
            <a:ext cx="121896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523603" y="1409570"/>
            <a:ext cx="9141619" cy="1493572"/>
          </a:xfrm>
          <a:prstGeom prst="rect">
            <a:avLst/>
          </a:prstGeom>
        </p:spPr>
        <p:txBody>
          <a:bodyPr anchor="b" anchorCtr="0">
            <a:normAutofit/>
          </a:bodyPr>
          <a:lstStyle>
            <a:lvl1pPr algn="ctr">
              <a:defRPr sz="4867"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23603" y="3047918"/>
            <a:ext cx="9141619" cy="165576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 sz="2751" b="0" i="0">
                <a:solidFill>
                  <a:schemeClr val="bg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064" indent="0" algn="ctr">
              <a:buNone/>
              <a:defRPr sz="2000"/>
            </a:lvl2pPr>
            <a:lvl3pPr marL="914130" indent="0" algn="ctr">
              <a:buNone/>
              <a:defRPr sz="1800"/>
            </a:lvl3pPr>
            <a:lvl4pPr marL="1371194" indent="0" algn="ctr">
              <a:buNone/>
              <a:defRPr sz="1600"/>
            </a:lvl4pPr>
            <a:lvl5pPr marL="1828259" indent="0" algn="ctr">
              <a:buNone/>
              <a:defRPr sz="1600"/>
            </a:lvl5pPr>
            <a:lvl6pPr marL="2285323" indent="0" algn="ctr">
              <a:buNone/>
              <a:defRPr sz="1600"/>
            </a:lvl6pPr>
            <a:lvl7pPr marL="2742389" indent="0" algn="ctr">
              <a:buNone/>
              <a:defRPr sz="1600"/>
            </a:lvl7pPr>
            <a:lvl8pPr marL="3199453" indent="0" algn="ctr">
              <a:buNone/>
              <a:defRPr sz="1600"/>
            </a:lvl8pPr>
            <a:lvl9pPr marL="3656518" indent="0" algn="ctr">
              <a:buNone/>
              <a:defRPr sz="160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0B5A285-6811-46A9-8294-A93C922E610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0471" y="68578"/>
            <a:ext cx="1813011" cy="1032482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6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1489586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-slide, gr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E13606D-9E79-174F-A198-BE7BC6697058}"/>
              </a:ext>
            </a:extLst>
          </p:cNvPr>
          <p:cNvSpPr/>
          <p:nvPr userDrawn="1"/>
        </p:nvSpPr>
        <p:spPr>
          <a:xfrm>
            <a:off x="1" y="0"/>
            <a:ext cx="12187082" cy="6159471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7" name="Snip Single Corner Rectangle 9">
            <a:extLst>
              <a:ext uri="{FF2B5EF4-FFF2-40B4-BE49-F238E27FC236}">
                <a16:creationId xmlns:a16="http://schemas.microsoft.com/office/drawing/2014/main" id="{A9C953DF-FB9A-9948-82D1-5F81CAE2ECA7}"/>
              </a:ext>
            </a:extLst>
          </p:cNvPr>
          <p:cNvSpPr/>
          <p:nvPr userDrawn="1"/>
        </p:nvSpPr>
        <p:spPr>
          <a:xfrm rot="10800000">
            <a:off x="0" y="2284326"/>
            <a:ext cx="9558376" cy="3875144"/>
          </a:xfrm>
          <a:custGeom>
            <a:avLst/>
            <a:gdLst>
              <a:gd name="connsiteX0" fmla="*/ 0 w 3822192"/>
              <a:gd name="connsiteY0" fmla="*/ 0 h 2615184"/>
              <a:gd name="connsiteX1" fmla="*/ 3386319 w 3822192"/>
              <a:gd name="connsiteY1" fmla="*/ 0 h 2615184"/>
              <a:gd name="connsiteX2" fmla="*/ 3822192 w 3822192"/>
              <a:gd name="connsiteY2" fmla="*/ 435873 h 2615184"/>
              <a:gd name="connsiteX3" fmla="*/ 3822192 w 3822192"/>
              <a:gd name="connsiteY3" fmla="*/ 2615184 h 2615184"/>
              <a:gd name="connsiteX4" fmla="*/ 0 w 3822192"/>
              <a:gd name="connsiteY4" fmla="*/ 2615184 h 2615184"/>
              <a:gd name="connsiteX5" fmla="*/ 0 w 3822192"/>
              <a:gd name="connsiteY5" fmla="*/ 0 h 2615184"/>
              <a:gd name="connsiteX0" fmla="*/ 0 w 3822192"/>
              <a:gd name="connsiteY0" fmla="*/ 0 h 2615184"/>
              <a:gd name="connsiteX1" fmla="*/ 3822192 w 3822192"/>
              <a:gd name="connsiteY1" fmla="*/ 435873 h 2615184"/>
              <a:gd name="connsiteX2" fmla="*/ 3822192 w 3822192"/>
              <a:gd name="connsiteY2" fmla="*/ 2615184 h 2615184"/>
              <a:gd name="connsiteX3" fmla="*/ 0 w 3822192"/>
              <a:gd name="connsiteY3" fmla="*/ 2615184 h 2615184"/>
              <a:gd name="connsiteX4" fmla="*/ 0 w 3822192"/>
              <a:gd name="connsiteY4" fmla="*/ 0 h 2615184"/>
              <a:gd name="connsiteX0" fmla="*/ 0 w 3822192"/>
              <a:gd name="connsiteY0" fmla="*/ 431460 h 3046644"/>
              <a:gd name="connsiteX1" fmla="*/ 3822192 w 3822192"/>
              <a:gd name="connsiteY1" fmla="*/ 0 h 3046644"/>
              <a:gd name="connsiteX2" fmla="*/ 3822192 w 3822192"/>
              <a:gd name="connsiteY2" fmla="*/ 3046644 h 3046644"/>
              <a:gd name="connsiteX3" fmla="*/ 0 w 3822192"/>
              <a:gd name="connsiteY3" fmla="*/ 3046644 h 3046644"/>
              <a:gd name="connsiteX4" fmla="*/ 0 w 3822192"/>
              <a:gd name="connsiteY4" fmla="*/ 431460 h 30466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822192" h="3046644">
                <a:moveTo>
                  <a:pt x="0" y="431460"/>
                </a:moveTo>
                <a:lnTo>
                  <a:pt x="3822192" y="0"/>
                </a:lnTo>
                <a:lnTo>
                  <a:pt x="3822192" y="3046644"/>
                </a:lnTo>
                <a:lnTo>
                  <a:pt x="0" y="3046644"/>
                </a:lnTo>
                <a:lnTo>
                  <a:pt x="0" y="431460"/>
                </a:lnTo>
                <a:close/>
              </a:path>
            </a:pathLst>
          </a:custGeom>
          <a:solidFill>
            <a:srgbClr val="8A8B8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8" name="Freeform 7">
            <a:extLst>
              <a:ext uri="{FF2B5EF4-FFF2-40B4-BE49-F238E27FC236}">
                <a16:creationId xmlns:a16="http://schemas.microsoft.com/office/drawing/2014/main" id="{EF499B42-6295-4A42-82E4-BB4D92741457}"/>
              </a:ext>
            </a:extLst>
          </p:cNvPr>
          <p:cNvSpPr/>
          <p:nvPr userDrawn="1"/>
        </p:nvSpPr>
        <p:spPr>
          <a:xfrm>
            <a:off x="-1000" y="5615786"/>
            <a:ext cx="12195970" cy="1242214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496"/>
              <a:gd name="connsiteY0" fmla="*/ 542140 h 6495385"/>
              <a:gd name="connsiteX1" fmla="*/ 9114809 w 11524496"/>
              <a:gd name="connsiteY1" fmla="*/ 0 h 6495385"/>
              <a:gd name="connsiteX2" fmla="*/ 11520937 w 11524496"/>
              <a:gd name="connsiteY2" fmla="*/ 208706 h 6495385"/>
              <a:gd name="connsiteX3" fmla="*/ 11524112 w 11524496"/>
              <a:gd name="connsiteY3" fmla="*/ 3188572 h 6495385"/>
              <a:gd name="connsiteX4" fmla="*/ 331 w 11524496"/>
              <a:gd name="connsiteY4" fmla="*/ 6495386 h 6495385"/>
              <a:gd name="connsiteX5" fmla="*/ 0 w 11524496"/>
              <a:gd name="connsiteY5" fmla="*/ 542140 h 6495385"/>
              <a:gd name="connsiteX0" fmla="*/ 0 w 11524112"/>
              <a:gd name="connsiteY0" fmla="*/ 542140 h 6495386"/>
              <a:gd name="connsiteX1" fmla="*/ 9114809 w 11524112"/>
              <a:gd name="connsiteY1" fmla="*/ 0 h 6495386"/>
              <a:gd name="connsiteX2" fmla="*/ 11520937 w 11524112"/>
              <a:gd name="connsiteY2" fmla="*/ 208706 h 6495386"/>
              <a:gd name="connsiteX3" fmla="*/ 11524112 w 11524112"/>
              <a:gd name="connsiteY3" fmla="*/ 3188572 h 6495386"/>
              <a:gd name="connsiteX4" fmla="*/ 331 w 11524112"/>
              <a:gd name="connsiteY4" fmla="*/ 6495386 h 6495386"/>
              <a:gd name="connsiteX5" fmla="*/ 0 w 11524112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50960 w 11520937"/>
              <a:gd name="connsiteY3" fmla="*/ 1359997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1842676"/>
              <a:gd name="connsiteX1" fmla="*/ 9114809 w 11520937"/>
              <a:gd name="connsiteY1" fmla="*/ 0 h 1842676"/>
              <a:gd name="connsiteX2" fmla="*/ 11520937 w 11520937"/>
              <a:gd name="connsiteY2" fmla="*/ 208706 h 1842676"/>
              <a:gd name="connsiteX3" fmla="*/ 11450960 w 11520937"/>
              <a:gd name="connsiteY3" fmla="*/ 1359997 h 1842676"/>
              <a:gd name="connsiteX4" fmla="*/ 402667 w 11520937"/>
              <a:gd name="connsiteY4" fmla="*/ 1842676 h 1842676"/>
              <a:gd name="connsiteX5" fmla="*/ 0 w 11520937"/>
              <a:gd name="connsiteY5" fmla="*/ 542140 h 1842676"/>
              <a:gd name="connsiteX0" fmla="*/ 0 w 11520937"/>
              <a:gd name="connsiteY0" fmla="*/ 542140 h 1873037"/>
              <a:gd name="connsiteX1" fmla="*/ 9114809 w 11520937"/>
              <a:gd name="connsiteY1" fmla="*/ 0 h 1873037"/>
              <a:gd name="connsiteX2" fmla="*/ 11520937 w 11520937"/>
              <a:gd name="connsiteY2" fmla="*/ 208706 h 1873037"/>
              <a:gd name="connsiteX3" fmla="*/ 11450960 w 11520937"/>
              <a:gd name="connsiteY3" fmla="*/ 1359997 h 1873037"/>
              <a:gd name="connsiteX4" fmla="*/ 402667 w 11520937"/>
              <a:gd name="connsiteY4" fmla="*/ 1842676 h 1873037"/>
              <a:gd name="connsiteX5" fmla="*/ 0 w 11520937"/>
              <a:gd name="connsiteY5" fmla="*/ 542140 h 1873037"/>
              <a:gd name="connsiteX0" fmla="*/ 7907 w 11528844"/>
              <a:gd name="connsiteY0" fmla="*/ 542140 h 1536909"/>
              <a:gd name="connsiteX1" fmla="*/ 9122716 w 11528844"/>
              <a:gd name="connsiteY1" fmla="*/ 0 h 1536909"/>
              <a:gd name="connsiteX2" fmla="*/ 11528844 w 11528844"/>
              <a:gd name="connsiteY2" fmla="*/ 208706 h 1536909"/>
              <a:gd name="connsiteX3" fmla="*/ 11458867 w 11528844"/>
              <a:gd name="connsiteY3" fmla="*/ 1359997 h 1536909"/>
              <a:gd name="connsiteX4" fmla="*/ 8238 w 11528844"/>
              <a:gd name="connsiteY4" fmla="*/ 1090928 h 1536909"/>
              <a:gd name="connsiteX5" fmla="*/ 7907 w 11528844"/>
              <a:gd name="connsiteY5" fmla="*/ 542140 h 1536909"/>
              <a:gd name="connsiteX0" fmla="*/ 0 w 11520937"/>
              <a:gd name="connsiteY0" fmla="*/ 542140 h 1516989"/>
              <a:gd name="connsiteX1" fmla="*/ 9114809 w 11520937"/>
              <a:gd name="connsiteY1" fmla="*/ 0 h 1516989"/>
              <a:gd name="connsiteX2" fmla="*/ 11520937 w 11520937"/>
              <a:gd name="connsiteY2" fmla="*/ 208706 h 1516989"/>
              <a:gd name="connsiteX3" fmla="*/ 11450960 w 11520937"/>
              <a:gd name="connsiteY3" fmla="*/ 1359997 h 1516989"/>
              <a:gd name="connsiteX4" fmla="*/ 329515 w 11520937"/>
              <a:gd name="connsiteY4" fmla="*/ 1029976 h 1516989"/>
              <a:gd name="connsiteX5" fmla="*/ 0 w 11520937"/>
              <a:gd name="connsiteY5" fmla="*/ 542140 h 1516989"/>
              <a:gd name="connsiteX0" fmla="*/ 0 w 11520937"/>
              <a:gd name="connsiteY0" fmla="*/ 542140 h 1562013"/>
              <a:gd name="connsiteX1" fmla="*/ 9114809 w 11520937"/>
              <a:gd name="connsiteY1" fmla="*/ 0 h 1562013"/>
              <a:gd name="connsiteX2" fmla="*/ 11520937 w 11520937"/>
              <a:gd name="connsiteY2" fmla="*/ 208706 h 1562013"/>
              <a:gd name="connsiteX3" fmla="*/ 11450960 w 11520937"/>
              <a:gd name="connsiteY3" fmla="*/ 1359997 h 1562013"/>
              <a:gd name="connsiteX4" fmla="*/ 179534 w 11520937"/>
              <a:gd name="connsiteY4" fmla="*/ 1164351 h 1562013"/>
              <a:gd name="connsiteX5" fmla="*/ 0 w 11520937"/>
              <a:gd name="connsiteY5" fmla="*/ 542140 h 1562013"/>
              <a:gd name="connsiteX0" fmla="*/ 0 w 11520937"/>
              <a:gd name="connsiteY0" fmla="*/ 542140 h 1520033"/>
              <a:gd name="connsiteX1" fmla="*/ 9114809 w 11520937"/>
              <a:gd name="connsiteY1" fmla="*/ 0 h 1520033"/>
              <a:gd name="connsiteX2" fmla="*/ 11520937 w 11520937"/>
              <a:gd name="connsiteY2" fmla="*/ 208706 h 1520033"/>
              <a:gd name="connsiteX3" fmla="*/ 11450960 w 11520937"/>
              <a:gd name="connsiteY3" fmla="*/ 1359997 h 1520033"/>
              <a:gd name="connsiteX4" fmla="*/ 179534 w 11520937"/>
              <a:gd name="connsiteY4" fmla="*/ 1164351 h 1520033"/>
              <a:gd name="connsiteX5" fmla="*/ 0 w 11520937"/>
              <a:gd name="connsiteY5" fmla="*/ 542140 h 1520033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79534 w 11520937"/>
              <a:gd name="connsiteY4" fmla="*/ 1164351 h 1363604"/>
              <a:gd name="connsiteX5" fmla="*/ 0 w 11520937"/>
              <a:gd name="connsiteY5" fmla="*/ 542140 h 1363604"/>
              <a:gd name="connsiteX0" fmla="*/ 1532 w 11522469"/>
              <a:gd name="connsiteY0" fmla="*/ 542140 h 1363604"/>
              <a:gd name="connsiteX1" fmla="*/ 9116341 w 11522469"/>
              <a:gd name="connsiteY1" fmla="*/ 0 h 1363604"/>
              <a:gd name="connsiteX2" fmla="*/ 11522469 w 11522469"/>
              <a:gd name="connsiteY2" fmla="*/ 208706 h 1363604"/>
              <a:gd name="connsiteX3" fmla="*/ 11452492 w 11522469"/>
              <a:gd name="connsiteY3" fmla="*/ 1359997 h 1363604"/>
              <a:gd name="connsiteX4" fmla="*/ 16571 w 11522469"/>
              <a:gd name="connsiteY4" fmla="*/ 1261101 h 1363604"/>
              <a:gd name="connsiteX5" fmla="*/ 1532 w 11522469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946 w 11521883"/>
              <a:gd name="connsiteY0" fmla="*/ 542140 h 1363604"/>
              <a:gd name="connsiteX1" fmla="*/ 9115755 w 11521883"/>
              <a:gd name="connsiteY1" fmla="*/ 0 h 1363604"/>
              <a:gd name="connsiteX2" fmla="*/ 11521883 w 11521883"/>
              <a:gd name="connsiteY2" fmla="*/ 208706 h 1363604"/>
              <a:gd name="connsiteX3" fmla="*/ 11451906 w 11521883"/>
              <a:gd name="connsiteY3" fmla="*/ 1359997 h 1363604"/>
              <a:gd name="connsiteX4" fmla="*/ 110 w 11521883"/>
              <a:gd name="connsiteY4" fmla="*/ 1268156 h 1363604"/>
              <a:gd name="connsiteX5" fmla="*/ 946 w 11521883"/>
              <a:gd name="connsiteY5" fmla="*/ 542140 h 1363604"/>
              <a:gd name="connsiteX0" fmla="*/ 946 w 11525058"/>
              <a:gd name="connsiteY0" fmla="*/ 542140 h 1359997"/>
              <a:gd name="connsiteX1" fmla="*/ 9115755 w 11525058"/>
              <a:gd name="connsiteY1" fmla="*/ 0 h 1359997"/>
              <a:gd name="connsiteX2" fmla="*/ 11525058 w 11525058"/>
              <a:gd name="connsiteY2" fmla="*/ 169906 h 1359997"/>
              <a:gd name="connsiteX3" fmla="*/ 11451906 w 11525058"/>
              <a:gd name="connsiteY3" fmla="*/ 1359997 h 1359997"/>
              <a:gd name="connsiteX4" fmla="*/ 110 w 11525058"/>
              <a:gd name="connsiteY4" fmla="*/ 1268156 h 1359997"/>
              <a:gd name="connsiteX5" fmla="*/ 946 w 11525058"/>
              <a:gd name="connsiteY5" fmla="*/ 542140 h 1359997"/>
              <a:gd name="connsiteX0" fmla="*/ 946 w 11525073"/>
              <a:gd name="connsiteY0" fmla="*/ 542140 h 1359997"/>
              <a:gd name="connsiteX1" fmla="*/ 9115755 w 11525073"/>
              <a:gd name="connsiteY1" fmla="*/ 0 h 1359997"/>
              <a:gd name="connsiteX2" fmla="*/ 11525058 w 11525073"/>
              <a:gd name="connsiteY2" fmla="*/ 169906 h 1359997"/>
              <a:gd name="connsiteX3" fmla="*/ 11451906 w 11525073"/>
              <a:gd name="connsiteY3" fmla="*/ 1359997 h 1359997"/>
              <a:gd name="connsiteX4" fmla="*/ 110 w 11525073"/>
              <a:gd name="connsiteY4" fmla="*/ 1268156 h 1359997"/>
              <a:gd name="connsiteX5" fmla="*/ 946 w 11525073"/>
              <a:gd name="connsiteY5" fmla="*/ 542140 h 1359997"/>
              <a:gd name="connsiteX0" fmla="*/ 946 w 11526882"/>
              <a:gd name="connsiteY0" fmla="*/ 542140 h 1268286"/>
              <a:gd name="connsiteX1" fmla="*/ 9115755 w 11526882"/>
              <a:gd name="connsiteY1" fmla="*/ 0 h 1268286"/>
              <a:gd name="connsiteX2" fmla="*/ 11525058 w 11526882"/>
              <a:gd name="connsiteY2" fmla="*/ 169906 h 1268286"/>
              <a:gd name="connsiteX3" fmla="*/ 11512231 w 11526882"/>
              <a:gd name="connsiteY3" fmla="*/ 1268286 h 1268286"/>
              <a:gd name="connsiteX4" fmla="*/ 110 w 11526882"/>
              <a:gd name="connsiteY4" fmla="*/ 1268156 h 1268286"/>
              <a:gd name="connsiteX5" fmla="*/ 946 w 11526882"/>
              <a:gd name="connsiteY5" fmla="*/ 542140 h 1268286"/>
              <a:gd name="connsiteX0" fmla="*/ 946 w 11525140"/>
              <a:gd name="connsiteY0" fmla="*/ 542140 h 1268286"/>
              <a:gd name="connsiteX1" fmla="*/ 9115755 w 11525140"/>
              <a:gd name="connsiteY1" fmla="*/ 0 h 1268286"/>
              <a:gd name="connsiteX2" fmla="*/ 11525058 w 11525140"/>
              <a:gd name="connsiteY2" fmla="*/ 169906 h 1268286"/>
              <a:gd name="connsiteX3" fmla="*/ 11512231 w 11525140"/>
              <a:gd name="connsiteY3" fmla="*/ 1268286 h 1268286"/>
              <a:gd name="connsiteX4" fmla="*/ 110 w 11525140"/>
              <a:gd name="connsiteY4" fmla="*/ 1268156 h 1268286"/>
              <a:gd name="connsiteX5" fmla="*/ 946 w 11525140"/>
              <a:gd name="connsiteY5" fmla="*/ 542140 h 1268286"/>
              <a:gd name="connsiteX0" fmla="*/ 946 w 11525270"/>
              <a:gd name="connsiteY0" fmla="*/ 542140 h 1271813"/>
              <a:gd name="connsiteX1" fmla="*/ 9115755 w 11525270"/>
              <a:gd name="connsiteY1" fmla="*/ 0 h 1271813"/>
              <a:gd name="connsiteX2" fmla="*/ 11525058 w 11525270"/>
              <a:gd name="connsiteY2" fmla="*/ 169906 h 1271813"/>
              <a:gd name="connsiteX3" fmla="*/ 11518581 w 11525270"/>
              <a:gd name="connsiteY3" fmla="*/ 1271813 h 1271813"/>
              <a:gd name="connsiteX4" fmla="*/ 110 w 11525270"/>
              <a:gd name="connsiteY4" fmla="*/ 1268156 h 1271813"/>
              <a:gd name="connsiteX5" fmla="*/ 946 w 11525270"/>
              <a:gd name="connsiteY5" fmla="*/ 542140 h 1271813"/>
              <a:gd name="connsiteX0" fmla="*/ 946 w 11527241"/>
              <a:gd name="connsiteY0" fmla="*/ 542140 h 1271813"/>
              <a:gd name="connsiteX1" fmla="*/ 9115755 w 11527241"/>
              <a:gd name="connsiteY1" fmla="*/ 0 h 1271813"/>
              <a:gd name="connsiteX2" fmla="*/ 11525058 w 11527241"/>
              <a:gd name="connsiteY2" fmla="*/ 169906 h 1271813"/>
              <a:gd name="connsiteX3" fmla="*/ 11524931 w 11527241"/>
              <a:gd name="connsiteY3" fmla="*/ 1271813 h 1271813"/>
              <a:gd name="connsiteX4" fmla="*/ 110 w 11527241"/>
              <a:gd name="connsiteY4" fmla="*/ 1268156 h 1271813"/>
              <a:gd name="connsiteX5" fmla="*/ 946 w 11527241"/>
              <a:gd name="connsiteY5" fmla="*/ 542140 h 1271813"/>
              <a:gd name="connsiteX0" fmla="*/ 946 w 11527241"/>
              <a:gd name="connsiteY0" fmla="*/ 573886 h 1303559"/>
              <a:gd name="connsiteX1" fmla="*/ 903003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  <a:gd name="connsiteX0" fmla="*/ 946 w 11527241"/>
              <a:gd name="connsiteY0" fmla="*/ 573886 h 1303559"/>
              <a:gd name="connsiteX1" fmla="*/ 903638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7241" h="1303559">
                <a:moveTo>
                  <a:pt x="946" y="573886"/>
                </a:moveTo>
                <a:lnTo>
                  <a:pt x="9036380" y="0"/>
                </a:lnTo>
                <a:lnTo>
                  <a:pt x="11525058" y="201652"/>
                </a:lnTo>
                <a:cubicBezTo>
                  <a:pt x="11526116" y="664524"/>
                  <a:pt x="11529461" y="717231"/>
                  <a:pt x="11524931" y="1303559"/>
                </a:cubicBezTo>
                <a:lnTo>
                  <a:pt x="110" y="1299902"/>
                </a:lnTo>
                <a:cubicBezTo>
                  <a:pt x="-750" y="939156"/>
                  <a:pt x="3777" y="902801"/>
                  <a:pt x="946" y="573886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329FE3A3-0877-9549-9820-361670EFC8B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203" y="3039228"/>
            <a:ext cx="8750684" cy="2032310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4474A7C-05C2-445F-8DFA-9A8153FEECF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6436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B413DB-02D0-4EE1-8E0A-2A22007AA0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663B336-2FCD-425E-B770-EB3F45541377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8400"/>
            <a:ext cx="10852150" cy="3319463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12B11E1A-A49A-46E4-9478-93DEBEA2362F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4A712730-08F6-45E3-B3B9-D0CBCBDC86E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690031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1D0CD8F9-49C1-4AEF-BD8C-F0C6C18559A9}"/>
              </a:ext>
            </a:extLst>
          </p:cNvPr>
          <p:cNvSpPr/>
          <p:nvPr userDrawn="1"/>
        </p:nvSpPr>
        <p:spPr>
          <a:xfrm>
            <a:off x="-985" y="5710376"/>
            <a:ext cx="12195954" cy="1149358"/>
          </a:xfrm>
          <a:custGeom>
            <a:avLst/>
            <a:gdLst>
              <a:gd name="connsiteX0" fmla="*/ 9036365 w 11527226"/>
              <a:gd name="connsiteY0" fmla="*/ 0 h 1086037"/>
              <a:gd name="connsiteX1" fmla="*/ 11525043 w 11527226"/>
              <a:gd name="connsiteY1" fmla="*/ 181509 h 1086037"/>
              <a:gd name="connsiteX2" fmla="*/ 11525675 w 11527226"/>
              <a:gd name="connsiteY2" fmla="*/ 1079814 h 1086037"/>
              <a:gd name="connsiteX3" fmla="*/ 11525625 w 11527226"/>
              <a:gd name="connsiteY3" fmla="*/ 1086037 h 1086037"/>
              <a:gd name="connsiteX4" fmla="*/ 22 w 11527226"/>
              <a:gd name="connsiteY4" fmla="*/ 1086037 h 1086037"/>
              <a:gd name="connsiteX5" fmla="*/ 0 w 11527226"/>
              <a:gd name="connsiteY5" fmla="*/ 1060892 h 1086037"/>
              <a:gd name="connsiteX6" fmla="*/ 931 w 11527226"/>
              <a:gd name="connsiteY6" fmla="*/ 516561 h 108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1527226" h="1086037">
                <a:moveTo>
                  <a:pt x="9036365" y="0"/>
                </a:moveTo>
                <a:lnTo>
                  <a:pt x="11525043" y="181509"/>
                </a:lnTo>
                <a:cubicBezTo>
                  <a:pt x="11526035" y="572106"/>
                  <a:pt x="11529037" y="638215"/>
                  <a:pt x="11525675" y="1079814"/>
                </a:cubicBezTo>
                <a:lnTo>
                  <a:pt x="11525625" y="1086037"/>
                </a:lnTo>
                <a:lnTo>
                  <a:pt x="22" y="1086037"/>
                </a:lnTo>
                <a:lnTo>
                  <a:pt x="0" y="1060892"/>
                </a:lnTo>
                <a:cubicBezTo>
                  <a:pt x="252" y="833050"/>
                  <a:pt x="3408" y="775614"/>
                  <a:pt x="931" y="5165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865A00E-7157-433C-BD67-6D346EE69E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376920" y="5813810"/>
            <a:ext cx="1813011" cy="103248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CC4C5B3-BAB9-46A5-B520-8C69C1CBBE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64A3E5-144E-4538-B13A-19CDA5E69A49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8400"/>
            <a:ext cx="10852150" cy="2540000"/>
          </a:xfrm>
        </p:spPr>
        <p:txBody>
          <a:bodyPr/>
          <a:lstStyle/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438111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0CE89B-9A3B-4F9A-834D-56D42ACB62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52E8F1-798F-469B-A9A6-312AB8B1373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8475"/>
            <a:ext cx="10852150" cy="3319463"/>
          </a:xfrm>
        </p:spPr>
        <p:txBody>
          <a:bodyPr/>
          <a:lstStyle/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2153500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uden overskrif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4512A1D8-511C-47DA-9028-500B34260BF1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0"/>
            <a:ext cx="10851866" cy="4947773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7F66DDEB-251B-4675-BC32-01E8DBB9A6AD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32793C8-34B0-4EE8-A2F3-FF05A771B62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046258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uden overskrif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4512A1D8-511C-47DA-9028-500B34260BF1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1"/>
            <a:ext cx="10851866" cy="4194803"/>
          </a:xfrm>
        </p:spPr>
        <p:txBody>
          <a:bodyPr/>
          <a:lstStyle>
            <a:lvl1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>
              <a:defRPr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F4EDE48B-E5C0-4AD6-ACE2-B68EFD58B4A8}"/>
              </a:ext>
            </a:extLst>
          </p:cNvPr>
          <p:cNvSpPr/>
          <p:nvPr userDrawn="1"/>
        </p:nvSpPr>
        <p:spPr>
          <a:xfrm>
            <a:off x="-985" y="5710376"/>
            <a:ext cx="12195954" cy="1149358"/>
          </a:xfrm>
          <a:custGeom>
            <a:avLst/>
            <a:gdLst>
              <a:gd name="connsiteX0" fmla="*/ 9036365 w 11527226"/>
              <a:gd name="connsiteY0" fmla="*/ 0 h 1086037"/>
              <a:gd name="connsiteX1" fmla="*/ 11525043 w 11527226"/>
              <a:gd name="connsiteY1" fmla="*/ 181509 h 1086037"/>
              <a:gd name="connsiteX2" fmla="*/ 11525675 w 11527226"/>
              <a:gd name="connsiteY2" fmla="*/ 1079814 h 1086037"/>
              <a:gd name="connsiteX3" fmla="*/ 11525625 w 11527226"/>
              <a:gd name="connsiteY3" fmla="*/ 1086037 h 1086037"/>
              <a:gd name="connsiteX4" fmla="*/ 22 w 11527226"/>
              <a:gd name="connsiteY4" fmla="*/ 1086037 h 1086037"/>
              <a:gd name="connsiteX5" fmla="*/ 0 w 11527226"/>
              <a:gd name="connsiteY5" fmla="*/ 1060892 h 1086037"/>
              <a:gd name="connsiteX6" fmla="*/ 931 w 11527226"/>
              <a:gd name="connsiteY6" fmla="*/ 516561 h 108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1527226" h="1086037">
                <a:moveTo>
                  <a:pt x="9036365" y="0"/>
                </a:moveTo>
                <a:lnTo>
                  <a:pt x="11525043" y="181509"/>
                </a:lnTo>
                <a:cubicBezTo>
                  <a:pt x="11526035" y="572106"/>
                  <a:pt x="11529037" y="638215"/>
                  <a:pt x="11525675" y="1079814"/>
                </a:cubicBezTo>
                <a:lnTo>
                  <a:pt x="11525625" y="1086037"/>
                </a:lnTo>
                <a:lnTo>
                  <a:pt x="22" y="1086037"/>
                </a:lnTo>
                <a:lnTo>
                  <a:pt x="0" y="1060892"/>
                </a:lnTo>
                <a:cubicBezTo>
                  <a:pt x="252" y="833050"/>
                  <a:pt x="3408" y="775614"/>
                  <a:pt x="931" y="5165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3A3F2A2-3BC0-43CC-B7C9-BF3CF48D955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376920" y="5813810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90451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uden overskrift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4512A1D8-511C-47DA-9028-500B34260BF1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1"/>
            <a:ext cx="10851866" cy="4947772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13703760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i to spalter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832245-E3F1-4A6B-B99F-212622FA10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5CD19E-FC03-48E4-9927-51BF6EA2B54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9228"/>
            <a:ext cx="5332385" cy="3318116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6D4765C-044E-4BC0-AA33-BCAAC9672794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655" y="3039228"/>
            <a:ext cx="5332945" cy="3318116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C02E0ADC-D557-455B-AC53-12CB6A7FB3AE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B8FFA1-07FC-4D2C-B928-CF85EDD0032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562143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i to spalt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295C5DC-9F61-4E32-B0BC-ED6D481CEE1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5CD19E-FC03-48E4-9927-51BF6EA2B54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9228"/>
            <a:ext cx="5332385" cy="2565144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6D4765C-044E-4BC0-AA33-BCAAC9672794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655" y="3039228"/>
            <a:ext cx="5332945" cy="2565144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8C681528-4E68-4ED9-AE8C-ED7AA733097C}"/>
              </a:ext>
            </a:extLst>
          </p:cNvPr>
          <p:cNvSpPr/>
          <p:nvPr userDrawn="1"/>
        </p:nvSpPr>
        <p:spPr>
          <a:xfrm>
            <a:off x="-985" y="5710376"/>
            <a:ext cx="12195954" cy="1149358"/>
          </a:xfrm>
          <a:custGeom>
            <a:avLst/>
            <a:gdLst>
              <a:gd name="connsiteX0" fmla="*/ 9036365 w 11527226"/>
              <a:gd name="connsiteY0" fmla="*/ 0 h 1086037"/>
              <a:gd name="connsiteX1" fmla="*/ 11525043 w 11527226"/>
              <a:gd name="connsiteY1" fmla="*/ 181509 h 1086037"/>
              <a:gd name="connsiteX2" fmla="*/ 11525675 w 11527226"/>
              <a:gd name="connsiteY2" fmla="*/ 1079814 h 1086037"/>
              <a:gd name="connsiteX3" fmla="*/ 11525625 w 11527226"/>
              <a:gd name="connsiteY3" fmla="*/ 1086037 h 1086037"/>
              <a:gd name="connsiteX4" fmla="*/ 22 w 11527226"/>
              <a:gd name="connsiteY4" fmla="*/ 1086037 h 1086037"/>
              <a:gd name="connsiteX5" fmla="*/ 0 w 11527226"/>
              <a:gd name="connsiteY5" fmla="*/ 1060892 h 1086037"/>
              <a:gd name="connsiteX6" fmla="*/ 931 w 11527226"/>
              <a:gd name="connsiteY6" fmla="*/ 516561 h 108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1527226" h="1086037">
                <a:moveTo>
                  <a:pt x="9036365" y="0"/>
                </a:moveTo>
                <a:lnTo>
                  <a:pt x="11525043" y="181509"/>
                </a:lnTo>
                <a:cubicBezTo>
                  <a:pt x="11526035" y="572106"/>
                  <a:pt x="11529037" y="638215"/>
                  <a:pt x="11525675" y="1079814"/>
                </a:cubicBezTo>
                <a:lnTo>
                  <a:pt x="11525625" y="1086037"/>
                </a:lnTo>
                <a:lnTo>
                  <a:pt x="22" y="1086037"/>
                </a:lnTo>
                <a:lnTo>
                  <a:pt x="0" y="1060892"/>
                </a:lnTo>
                <a:cubicBezTo>
                  <a:pt x="252" y="833050"/>
                  <a:pt x="3408" y="775614"/>
                  <a:pt x="931" y="5165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8DC050D-D22A-4D10-A199-DD381978215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376920" y="5813810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807452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i to spalt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FE32A1-5A9B-4401-B280-EE922E76D03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5CD19E-FC03-48E4-9927-51BF6EA2B54E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3039227"/>
            <a:ext cx="5332385" cy="3318115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6D4765C-044E-4BC0-AA33-BCAAC9672794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655" y="3039227"/>
            <a:ext cx="5332945" cy="3318115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7781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lide, baggrundsbillede med bro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close up of a brick building&#10;&#10;Description automatically generated">
            <a:extLst>
              <a:ext uri="{FF2B5EF4-FFF2-40B4-BE49-F238E27FC236}">
                <a16:creationId xmlns:a16="http://schemas.microsoft.com/office/drawing/2014/main" id="{076DCE47-F11F-45AE-88F6-BBE42EA02AF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267" b="1322"/>
          <a:stretch/>
        </p:blipFill>
        <p:spPr>
          <a:xfrm>
            <a:off x="0" y="1"/>
            <a:ext cx="12189600" cy="6858000"/>
          </a:xfrm>
          <a:custGeom>
            <a:avLst/>
            <a:gdLst>
              <a:gd name="connsiteX0" fmla="*/ 0 w 12189600"/>
              <a:gd name="connsiteY0" fmla="*/ 6854062 h 6858000"/>
              <a:gd name="connsiteX1" fmla="*/ 12189600 w 12189600"/>
              <a:gd name="connsiteY1" fmla="*/ 6857544 h 6858000"/>
              <a:gd name="connsiteX2" fmla="*/ 12189600 w 12189600"/>
              <a:gd name="connsiteY2" fmla="*/ 6858000 h 6858000"/>
              <a:gd name="connsiteX3" fmla="*/ 0 w 12189600"/>
              <a:gd name="connsiteY3" fmla="*/ 6858000 h 6858000"/>
              <a:gd name="connsiteX4" fmla="*/ 0 w 12189600"/>
              <a:gd name="connsiteY4" fmla="*/ 0 h 6858000"/>
              <a:gd name="connsiteX5" fmla="*/ 12189600 w 12189600"/>
              <a:gd name="connsiteY5" fmla="*/ 0 h 6858000"/>
              <a:gd name="connsiteX6" fmla="*/ 12189600 w 12189600"/>
              <a:gd name="connsiteY6" fmla="*/ 5807654 h 6858000"/>
              <a:gd name="connsiteX7" fmla="*/ 9559607 w 12189600"/>
              <a:gd name="connsiteY7" fmla="*/ 5615785 h 6858000"/>
              <a:gd name="connsiteX8" fmla="*/ 1 w 12189600"/>
              <a:gd name="connsiteY8" fmla="*/ 6162464 h 6858000"/>
              <a:gd name="connsiteX9" fmla="*/ 341 w 12189600"/>
              <a:gd name="connsiteY9" fmla="*/ 6496892 h 6858000"/>
              <a:gd name="connsiteX10" fmla="*/ 0 w 12189600"/>
              <a:gd name="connsiteY10" fmla="*/ 653985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89600" h="6858000">
                <a:moveTo>
                  <a:pt x="0" y="6854062"/>
                </a:moveTo>
                <a:lnTo>
                  <a:pt x="12189600" y="6857544"/>
                </a:lnTo>
                <a:lnTo>
                  <a:pt x="121896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5807654"/>
                </a:lnTo>
                <a:lnTo>
                  <a:pt x="9559607" y="5615785"/>
                </a:lnTo>
                <a:lnTo>
                  <a:pt x="1" y="6162464"/>
                </a:lnTo>
                <a:cubicBezTo>
                  <a:pt x="1499" y="6319125"/>
                  <a:pt x="1050" y="6406114"/>
                  <a:pt x="341" y="6496892"/>
                </a:cubicBezTo>
                <a:lnTo>
                  <a:pt x="0" y="6539853"/>
                </a:lnTo>
                <a:close/>
              </a:path>
            </a:pathLst>
          </a:cu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523603" y="1409570"/>
            <a:ext cx="9141619" cy="1490541"/>
          </a:xfrm>
          <a:prstGeom prst="rect">
            <a:avLst/>
          </a:prstGeom>
        </p:spPr>
        <p:txBody>
          <a:bodyPr anchor="b" anchorCtr="0">
            <a:normAutofit/>
          </a:bodyPr>
          <a:lstStyle>
            <a:lvl1pPr algn="ctr">
              <a:defRPr sz="4867">
                <a:solidFill>
                  <a:schemeClr val="bg1"/>
                </a:solidFill>
                <a:latin typeface="+mj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523603" y="3045947"/>
            <a:ext cx="9141619" cy="165576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 sz="2751" b="0" i="0">
                <a:solidFill>
                  <a:schemeClr val="bg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064" indent="0" algn="ctr">
              <a:buNone/>
              <a:defRPr sz="2000"/>
            </a:lvl2pPr>
            <a:lvl3pPr marL="914130" indent="0" algn="ctr">
              <a:buNone/>
              <a:defRPr sz="1800"/>
            </a:lvl3pPr>
            <a:lvl4pPr marL="1371194" indent="0" algn="ctr">
              <a:buNone/>
              <a:defRPr sz="1600"/>
            </a:lvl4pPr>
            <a:lvl5pPr marL="1828259" indent="0" algn="ctr">
              <a:buNone/>
              <a:defRPr sz="1600"/>
            </a:lvl5pPr>
            <a:lvl6pPr marL="2285323" indent="0" algn="ctr">
              <a:buNone/>
              <a:defRPr sz="1600"/>
            </a:lvl6pPr>
            <a:lvl7pPr marL="2742389" indent="0" algn="ctr">
              <a:buNone/>
              <a:defRPr sz="1600"/>
            </a:lvl7pPr>
            <a:lvl8pPr marL="3199453" indent="0" algn="ctr">
              <a:buNone/>
              <a:defRPr sz="1600"/>
            </a:lvl8pPr>
            <a:lvl9pPr marL="3656518" indent="0" algn="ctr">
              <a:buNone/>
              <a:defRPr sz="160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25FE852E-492C-4201-9654-97E4D541FB9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0471" y="68578"/>
            <a:ext cx="1813011" cy="1032482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6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1230400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i 2 spalter uden overskrif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0C0B15-23D0-4677-97D7-43EEDAA1625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0"/>
            <a:ext cx="5331036" cy="4947165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6FC8B95-539C-4B5D-A49D-D511FE3698A7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883" y="1409570"/>
            <a:ext cx="5331036" cy="4947165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881D7E33-0D48-4997-BBCA-6ABDF9662BC9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B25C514-EAA1-4D6C-AFC7-38DAB62FA0F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056252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i 2 spalter uden overskrif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>
            <a:extLst>
              <a:ext uri="{FF2B5EF4-FFF2-40B4-BE49-F238E27FC236}">
                <a16:creationId xmlns:a16="http://schemas.microsoft.com/office/drawing/2014/main" id="{BBC91F07-0D2F-E944-AD40-1C797C06E5D1}"/>
              </a:ext>
            </a:extLst>
          </p:cNvPr>
          <p:cNvSpPr/>
          <p:nvPr userDrawn="1"/>
        </p:nvSpPr>
        <p:spPr>
          <a:xfrm>
            <a:off x="-1" y="763635"/>
            <a:ext cx="12193066" cy="6094365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4496" h="6500326">
                <a:moveTo>
                  <a:pt x="0" y="542140"/>
                </a:moveTo>
                <a:lnTo>
                  <a:pt x="9114809" y="0"/>
                </a:lnTo>
                <a:lnTo>
                  <a:pt x="11520937" y="208706"/>
                </a:lnTo>
                <a:cubicBezTo>
                  <a:pt x="11518820" y="2311792"/>
                  <a:pt x="11526229" y="4397240"/>
                  <a:pt x="11524112" y="6500326"/>
                </a:cubicBezTo>
                <a:lnTo>
                  <a:pt x="331" y="6495386"/>
                </a:lnTo>
                <a:cubicBezTo>
                  <a:pt x="221" y="4509795"/>
                  <a:pt x="110" y="2527731"/>
                  <a:pt x="0" y="54214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0C0B15-23D0-4677-97D7-43EEDAA1625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1"/>
            <a:ext cx="5331036" cy="4194803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6FC8B95-539C-4B5D-A49D-D511FE3698A7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883" y="1409571"/>
            <a:ext cx="5331036" cy="4194803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364B7B47-CD19-4721-ACEC-0A330D94778A}"/>
              </a:ext>
            </a:extLst>
          </p:cNvPr>
          <p:cNvSpPr/>
          <p:nvPr userDrawn="1"/>
        </p:nvSpPr>
        <p:spPr>
          <a:xfrm>
            <a:off x="-985" y="5710376"/>
            <a:ext cx="12195954" cy="1149358"/>
          </a:xfrm>
          <a:custGeom>
            <a:avLst/>
            <a:gdLst>
              <a:gd name="connsiteX0" fmla="*/ 9036365 w 11527226"/>
              <a:gd name="connsiteY0" fmla="*/ 0 h 1086037"/>
              <a:gd name="connsiteX1" fmla="*/ 11525043 w 11527226"/>
              <a:gd name="connsiteY1" fmla="*/ 181509 h 1086037"/>
              <a:gd name="connsiteX2" fmla="*/ 11525675 w 11527226"/>
              <a:gd name="connsiteY2" fmla="*/ 1079814 h 1086037"/>
              <a:gd name="connsiteX3" fmla="*/ 11525625 w 11527226"/>
              <a:gd name="connsiteY3" fmla="*/ 1086037 h 1086037"/>
              <a:gd name="connsiteX4" fmla="*/ 22 w 11527226"/>
              <a:gd name="connsiteY4" fmla="*/ 1086037 h 1086037"/>
              <a:gd name="connsiteX5" fmla="*/ 0 w 11527226"/>
              <a:gd name="connsiteY5" fmla="*/ 1060892 h 1086037"/>
              <a:gd name="connsiteX6" fmla="*/ 931 w 11527226"/>
              <a:gd name="connsiteY6" fmla="*/ 516561 h 10860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1527226" h="1086037">
                <a:moveTo>
                  <a:pt x="9036365" y="0"/>
                </a:moveTo>
                <a:lnTo>
                  <a:pt x="11525043" y="181509"/>
                </a:lnTo>
                <a:cubicBezTo>
                  <a:pt x="11526035" y="572106"/>
                  <a:pt x="11529037" y="638215"/>
                  <a:pt x="11525675" y="1079814"/>
                </a:cubicBezTo>
                <a:lnTo>
                  <a:pt x="11525625" y="1086037"/>
                </a:lnTo>
                <a:lnTo>
                  <a:pt x="22" y="1086037"/>
                </a:lnTo>
                <a:lnTo>
                  <a:pt x="0" y="1060892"/>
                </a:lnTo>
                <a:cubicBezTo>
                  <a:pt x="252" y="833050"/>
                  <a:pt x="3408" y="775614"/>
                  <a:pt x="931" y="516561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8496287-28BA-44F7-A9A4-263FF084275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376920" y="5813810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454853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i 2 spalter uden overskrift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0C0B15-23D0-4677-97D7-43EEDAA1625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612000" y="1409571"/>
            <a:ext cx="5331036" cy="4947772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6FC8B95-539C-4B5D-A49D-D511FE3698A7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133883" y="1409571"/>
            <a:ext cx="5331036" cy="4947772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2844567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med logo og grå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: Shape 3">
            <a:extLst>
              <a:ext uri="{FF2B5EF4-FFF2-40B4-BE49-F238E27FC236}">
                <a16:creationId xmlns:a16="http://schemas.microsoft.com/office/drawing/2014/main" id="{F19B3F20-AC6B-4D96-A9ED-C49CDD27071D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A7ECB50-1C80-438A-B7F6-14F0972F039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548681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006217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-slide, rød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close up of a brick building&#10;&#10;Description automatically generated">
            <a:extLst>
              <a:ext uri="{FF2B5EF4-FFF2-40B4-BE49-F238E27FC236}">
                <a16:creationId xmlns:a16="http://schemas.microsoft.com/office/drawing/2014/main" id="{99C9540C-E5A6-45D3-9507-B06E45A4500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267" b="1322"/>
          <a:stretch/>
        </p:blipFill>
        <p:spPr>
          <a:xfrm>
            <a:off x="0" y="1"/>
            <a:ext cx="12189600" cy="6858000"/>
          </a:xfrm>
          <a:custGeom>
            <a:avLst/>
            <a:gdLst>
              <a:gd name="connsiteX0" fmla="*/ 0 w 12189600"/>
              <a:gd name="connsiteY0" fmla="*/ 6854062 h 6858000"/>
              <a:gd name="connsiteX1" fmla="*/ 12189600 w 12189600"/>
              <a:gd name="connsiteY1" fmla="*/ 6857544 h 6858000"/>
              <a:gd name="connsiteX2" fmla="*/ 12189600 w 12189600"/>
              <a:gd name="connsiteY2" fmla="*/ 6858000 h 6858000"/>
              <a:gd name="connsiteX3" fmla="*/ 0 w 12189600"/>
              <a:gd name="connsiteY3" fmla="*/ 6858000 h 6858000"/>
              <a:gd name="connsiteX4" fmla="*/ 0 w 12189600"/>
              <a:gd name="connsiteY4" fmla="*/ 0 h 6858000"/>
              <a:gd name="connsiteX5" fmla="*/ 12189600 w 12189600"/>
              <a:gd name="connsiteY5" fmla="*/ 0 h 6858000"/>
              <a:gd name="connsiteX6" fmla="*/ 12189600 w 12189600"/>
              <a:gd name="connsiteY6" fmla="*/ 5807654 h 6858000"/>
              <a:gd name="connsiteX7" fmla="*/ 9559607 w 12189600"/>
              <a:gd name="connsiteY7" fmla="*/ 5615785 h 6858000"/>
              <a:gd name="connsiteX8" fmla="*/ 1 w 12189600"/>
              <a:gd name="connsiteY8" fmla="*/ 6162464 h 6858000"/>
              <a:gd name="connsiteX9" fmla="*/ 341 w 12189600"/>
              <a:gd name="connsiteY9" fmla="*/ 6496892 h 6858000"/>
              <a:gd name="connsiteX10" fmla="*/ 0 w 12189600"/>
              <a:gd name="connsiteY10" fmla="*/ 653985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89600" h="6858000">
                <a:moveTo>
                  <a:pt x="0" y="6854062"/>
                </a:moveTo>
                <a:lnTo>
                  <a:pt x="12189600" y="6857544"/>
                </a:lnTo>
                <a:lnTo>
                  <a:pt x="121896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5807654"/>
                </a:lnTo>
                <a:lnTo>
                  <a:pt x="9559607" y="5615785"/>
                </a:lnTo>
                <a:lnTo>
                  <a:pt x="1" y="6162464"/>
                </a:lnTo>
                <a:cubicBezTo>
                  <a:pt x="1499" y="6319125"/>
                  <a:pt x="1050" y="6406114"/>
                  <a:pt x="341" y="6496892"/>
                </a:cubicBezTo>
                <a:lnTo>
                  <a:pt x="0" y="6539853"/>
                </a:lnTo>
                <a:close/>
              </a:path>
            </a:pathLst>
          </a:custGeom>
        </p:spPr>
      </p:pic>
      <p:sp>
        <p:nvSpPr>
          <p:cNvPr id="8" name="Text Placeholder Logo">
            <a:extLst>
              <a:ext uri="{FF2B5EF4-FFF2-40B4-BE49-F238E27FC236}">
                <a16:creationId xmlns:a16="http://schemas.microsoft.com/office/drawing/2014/main" id="{5FEAFEF0-CE72-483B-A113-B929C1814F5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0471" y="68578"/>
            <a:ext cx="1813011" cy="1032482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6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6AC5B3F5-1FFE-4E8C-BB94-C111DAF9935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" y="2284327"/>
            <a:ext cx="9558375" cy="3875144"/>
          </a:xfrm>
          <a:custGeom>
            <a:avLst/>
            <a:gdLst>
              <a:gd name="connsiteX0" fmla="*/ 0 w 9034271"/>
              <a:gd name="connsiteY0" fmla="*/ 0 h 3661652"/>
              <a:gd name="connsiteX1" fmla="*/ 9034271 w 9034271"/>
              <a:gd name="connsiteY1" fmla="*/ 0 h 3661652"/>
              <a:gd name="connsiteX2" fmla="*/ 9034271 w 9034271"/>
              <a:gd name="connsiteY2" fmla="*/ 3147987 h 3661652"/>
              <a:gd name="connsiteX3" fmla="*/ 49484 w 9034271"/>
              <a:gd name="connsiteY3" fmla="*/ 3661652 h 3661652"/>
              <a:gd name="connsiteX4" fmla="*/ 0 w 9034271"/>
              <a:gd name="connsiteY4" fmla="*/ 3661652 h 3661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034271" h="3661652">
                <a:moveTo>
                  <a:pt x="0" y="0"/>
                </a:moveTo>
                <a:lnTo>
                  <a:pt x="9034271" y="0"/>
                </a:lnTo>
                <a:lnTo>
                  <a:pt x="9034271" y="3147987"/>
                </a:lnTo>
                <a:lnTo>
                  <a:pt x="49484" y="3661652"/>
                </a:lnTo>
                <a:lnTo>
                  <a:pt x="0" y="3661652"/>
                </a:lnTo>
                <a:close/>
              </a:path>
            </a:pathLst>
          </a:custGeom>
          <a:solidFill>
            <a:srgbClr val="F21935">
              <a:alpha val="60000"/>
            </a:srgbClr>
          </a:solidFill>
        </p:spPr>
        <p:txBody>
          <a:bodyPr wrap="square" lIns="529200" tIns="720000" rIns="180000" anchor="t">
            <a:no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4611641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-slide, blå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close up of a brick building&#10;&#10;Description automatically generated">
            <a:extLst>
              <a:ext uri="{FF2B5EF4-FFF2-40B4-BE49-F238E27FC236}">
                <a16:creationId xmlns:a16="http://schemas.microsoft.com/office/drawing/2014/main" id="{4B4EDF4E-9BEF-4C04-AF54-76BE4CCF4C4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267" b="1322"/>
          <a:stretch/>
        </p:blipFill>
        <p:spPr>
          <a:xfrm>
            <a:off x="0" y="1"/>
            <a:ext cx="12189600" cy="6858000"/>
          </a:xfrm>
          <a:custGeom>
            <a:avLst/>
            <a:gdLst>
              <a:gd name="connsiteX0" fmla="*/ 0 w 12189600"/>
              <a:gd name="connsiteY0" fmla="*/ 6854062 h 6858000"/>
              <a:gd name="connsiteX1" fmla="*/ 12189600 w 12189600"/>
              <a:gd name="connsiteY1" fmla="*/ 6857544 h 6858000"/>
              <a:gd name="connsiteX2" fmla="*/ 12189600 w 12189600"/>
              <a:gd name="connsiteY2" fmla="*/ 6858000 h 6858000"/>
              <a:gd name="connsiteX3" fmla="*/ 0 w 12189600"/>
              <a:gd name="connsiteY3" fmla="*/ 6858000 h 6858000"/>
              <a:gd name="connsiteX4" fmla="*/ 0 w 12189600"/>
              <a:gd name="connsiteY4" fmla="*/ 0 h 6858000"/>
              <a:gd name="connsiteX5" fmla="*/ 12189600 w 12189600"/>
              <a:gd name="connsiteY5" fmla="*/ 0 h 6858000"/>
              <a:gd name="connsiteX6" fmla="*/ 12189600 w 12189600"/>
              <a:gd name="connsiteY6" fmla="*/ 5807654 h 6858000"/>
              <a:gd name="connsiteX7" fmla="*/ 9559607 w 12189600"/>
              <a:gd name="connsiteY7" fmla="*/ 5615785 h 6858000"/>
              <a:gd name="connsiteX8" fmla="*/ 1 w 12189600"/>
              <a:gd name="connsiteY8" fmla="*/ 6162464 h 6858000"/>
              <a:gd name="connsiteX9" fmla="*/ 341 w 12189600"/>
              <a:gd name="connsiteY9" fmla="*/ 6496892 h 6858000"/>
              <a:gd name="connsiteX10" fmla="*/ 0 w 12189600"/>
              <a:gd name="connsiteY10" fmla="*/ 653985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89600" h="6858000">
                <a:moveTo>
                  <a:pt x="0" y="6854062"/>
                </a:moveTo>
                <a:lnTo>
                  <a:pt x="12189600" y="6857544"/>
                </a:lnTo>
                <a:lnTo>
                  <a:pt x="121896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5807654"/>
                </a:lnTo>
                <a:lnTo>
                  <a:pt x="9559607" y="5615785"/>
                </a:lnTo>
                <a:lnTo>
                  <a:pt x="1" y="6162464"/>
                </a:lnTo>
                <a:cubicBezTo>
                  <a:pt x="1499" y="6319125"/>
                  <a:pt x="1050" y="6406114"/>
                  <a:pt x="341" y="6496892"/>
                </a:cubicBezTo>
                <a:lnTo>
                  <a:pt x="0" y="6539853"/>
                </a:lnTo>
                <a:close/>
              </a:path>
            </a:pathLst>
          </a:custGeom>
        </p:spPr>
      </p:pic>
      <p:sp>
        <p:nvSpPr>
          <p:cNvPr id="12" name="Text Placeholder Logo">
            <a:extLst>
              <a:ext uri="{FF2B5EF4-FFF2-40B4-BE49-F238E27FC236}">
                <a16:creationId xmlns:a16="http://schemas.microsoft.com/office/drawing/2014/main" id="{EBC94DF7-98E2-4D81-A456-C8E29FFA73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0471" y="68578"/>
            <a:ext cx="1813011" cy="1032482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6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Freeform 10">
            <a:extLst>
              <a:ext uri="{FF2B5EF4-FFF2-40B4-BE49-F238E27FC236}">
                <a16:creationId xmlns:a16="http://schemas.microsoft.com/office/drawing/2014/main" id="{B5C06F61-A2DD-0148-87A7-05632BF354E4}"/>
              </a:ext>
            </a:extLst>
          </p:cNvPr>
          <p:cNvSpPr/>
          <p:nvPr userDrawn="1"/>
        </p:nvSpPr>
        <p:spPr>
          <a:xfrm>
            <a:off x="-1000" y="5615786"/>
            <a:ext cx="12195970" cy="1241760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496"/>
              <a:gd name="connsiteY0" fmla="*/ 542140 h 6495385"/>
              <a:gd name="connsiteX1" fmla="*/ 9114809 w 11524496"/>
              <a:gd name="connsiteY1" fmla="*/ 0 h 6495385"/>
              <a:gd name="connsiteX2" fmla="*/ 11520937 w 11524496"/>
              <a:gd name="connsiteY2" fmla="*/ 208706 h 6495385"/>
              <a:gd name="connsiteX3" fmla="*/ 11524112 w 11524496"/>
              <a:gd name="connsiteY3" fmla="*/ 3188572 h 6495385"/>
              <a:gd name="connsiteX4" fmla="*/ 331 w 11524496"/>
              <a:gd name="connsiteY4" fmla="*/ 6495386 h 6495385"/>
              <a:gd name="connsiteX5" fmla="*/ 0 w 11524496"/>
              <a:gd name="connsiteY5" fmla="*/ 542140 h 6495385"/>
              <a:gd name="connsiteX0" fmla="*/ 0 w 11524112"/>
              <a:gd name="connsiteY0" fmla="*/ 542140 h 6495386"/>
              <a:gd name="connsiteX1" fmla="*/ 9114809 w 11524112"/>
              <a:gd name="connsiteY1" fmla="*/ 0 h 6495386"/>
              <a:gd name="connsiteX2" fmla="*/ 11520937 w 11524112"/>
              <a:gd name="connsiteY2" fmla="*/ 208706 h 6495386"/>
              <a:gd name="connsiteX3" fmla="*/ 11524112 w 11524112"/>
              <a:gd name="connsiteY3" fmla="*/ 3188572 h 6495386"/>
              <a:gd name="connsiteX4" fmla="*/ 331 w 11524112"/>
              <a:gd name="connsiteY4" fmla="*/ 6495386 h 6495386"/>
              <a:gd name="connsiteX5" fmla="*/ 0 w 11524112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50960 w 11520937"/>
              <a:gd name="connsiteY3" fmla="*/ 1359997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1842676"/>
              <a:gd name="connsiteX1" fmla="*/ 9114809 w 11520937"/>
              <a:gd name="connsiteY1" fmla="*/ 0 h 1842676"/>
              <a:gd name="connsiteX2" fmla="*/ 11520937 w 11520937"/>
              <a:gd name="connsiteY2" fmla="*/ 208706 h 1842676"/>
              <a:gd name="connsiteX3" fmla="*/ 11450960 w 11520937"/>
              <a:gd name="connsiteY3" fmla="*/ 1359997 h 1842676"/>
              <a:gd name="connsiteX4" fmla="*/ 402667 w 11520937"/>
              <a:gd name="connsiteY4" fmla="*/ 1842676 h 1842676"/>
              <a:gd name="connsiteX5" fmla="*/ 0 w 11520937"/>
              <a:gd name="connsiteY5" fmla="*/ 542140 h 1842676"/>
              <a:gd name="connsiteX0" fmla="*/ 0 w 11520937"/>
              <a:gd name="connsiteY0" fmla="*/ 542140 h 1873037"/>
              <a:gd name="connsiteX1" fmla="*/ 9114809 w 11520937"/>
              <a:gd name="connsiteY1" fmla="*/ 0 h 1873037"/>
              <a:gd name="connsiteX2" fmla="*/ 11520937 w 11520937"/>
              <a:gd name="connsiteY2" fmla="*/ 208706 h 1873037"/>
              <a:gd name="connsiteX3" fmla="*/ 11450960 w 11520937"/>
              <a:gd name="connsiteY3" fmla="*/ 1359997 h 1873037"/>
              <a:gd name="connsiteX4" fmla="*/ 402667 w 11520937"/>
              <a:gd name="connsiteY4" fmla="*/ 1842676 h 1873037"/>
              <a:gd name="connsiteX5" fmla="*/ 0 w 11520937"/>
              <a:gd name="connsiteY5" fmla="*/ 542140 h 1873037"/>
              <a:gd name="connsiteX0" fmla="*/ 7907 w 11528844"/>
              <a:gd name="connsiteY0" fmla="*/ 542140 h 1536909"/>
              <a:gd name="connsiteX1" fmla="*/ 9122716 w 11528844"/>
              <a:gd name="connsiteY1" fmla="*/ 0 h 1536909"/>
              <a:gd name="connsiteX2" fmla="*/ 11528844 w 11528844"/>
              <a:gd name="connsiteY2" fmla="*/ 208706 h 1536909"/>
              <a:gd name="connsiteX3" fmla="*/ 11458867 w 11528844"/>
              <a:gd name="connsiteY3" fmla="*/ 1359997 h 1536909"/>
              <a:gd name="connsiteX4" fmla="*/ 8238 w 11528844"/>
              <a:gd name="connsiteY4" fmla="*/ 1090928 h 1536909"/>
              <a:gd name="connsiteX5" fmla="*/ 7907 w 11528844"/>
              <a:gd name="connsiteY5" fmla="*/ 542140 h 1536909"/>
              <a:gd name="connsiteX0" fmla="*/ 0 w 11520937"/>
              <a:gd name="connsiteY0" fmla="*/ 542140 h 1516989"/>
              <a:gd name="connsiteX1" fmla="*/ 9114809 w 11520937"/>
              <a:gd name="connsiteY1" fmla="*/ 0 h 1516989"/>
              <a:gd name="connsiteX2" fmla="*/ 11520937 w 11520937"/>
              <a:gd name="connsiteY2" fmla="*/ 208706 h 1516989"/>
              <a:gd name="connsiteX3" fmla="*/ 11450960 w 11520937"/>
              <a:gd name="connsiteY3" fmla="*/ 1359997 h 1516989"/>
              <a:gd name="connsiteX4" fmla="*/ 329515 w 11520937"/>
              <a:gd name="connsiteY4" fmla="*/ 1029976 h 1516989"/>
              <a:gd name="connsiteX5" fmla="*/ 0 w 11520937"/>
              <a:gd name="connsiteY5" fmla="*/ 542140 h 1516989"/>
              <a:gd name="connsiteX0" fmla="*/ 0 w 11520937"/>
              <a:gd name="connsiteY0" fmla="*/ 542140 h 1562013"/>
              <a:gd name="connsiteX1" fmla="*/ 9114809 w 11520937"/>
              <a:gd name="connsiteY1" fmla="*/ 0 h 1562013"/>
              <a:gd name="connsiteX2" fmla="*/ 11520937 w 11520937"/>
              <a:gd name="connsiteY2" fmla="*/ 208706 h 1562013"/>
              <a:gd name="connsiteX3" fmla="*/ 11450960 w 11520937"/>
              <a:gd name="connsiteY3" fmla="*/ 1359997 h 1562013"/>
              <a:gd name="connsiteX4" fmla="*/ 179534 w 11520937"/>
              <a:gd name="connsiteY4" fmla="*/ 1164351 h 1562013"/>
              <a:gd name="connsiteX5" fmla="*/ 0 w 11520937"/>
              <a:gd name="connsiteY5" fmla="*/ 542140 h 1562013"/>
              <a:gd name="connsiteX0" fmla="*/ 0 w 11520937"/>
              <a:gd name="connsiteY0" fmla="*/ 542140 h 1520033"/>
              <a:gd name="connsiteX1" fmla="*/ 9114809 w 11520937"/>
              <a:gd name="connsiteY1" fmla="*/ 0 h 1520033"/>
              <a:gd name="connsiteX2" fmla="*/ 11520937 w 11520937"/>
              <a:gd name="connsiteY2" fmla="*/ 208706 h 1520033"/>
              <a:gd name="connsiteX3" fmla="*/ 11450960 w 11520937"/>
              <a:gd name="connsiteY3" fmla="*/ 1359997 h 1520033"/>
              <a:gd name="connsiteX4" fmla="*/ 179534 w 11520937"/>
              <a:gd name="connsiteY4" fmla="*/ 1164351 h 1520033"/>
              <a:gd name="connsiteX5" fmla="*/ 0 w 11520937"/>
              <a:gd name="connsiteY5" fmla="*/ 542140 h 1520033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79534 w 11520937"/>
              <a:gd name="connsiteY4" fmla="*/ 1164351 h 1363604"/>
              <a:gd name="connsiteX5" fmla="*/ 0 w 11520937"/>
              <a:gd name="connsiteY5" fmla="*/ 542140 h 1363604"/>
              <a:gd name="connsiteX0" fmla="*/ 1532 w 11522469"/>
              <a:gd name="connsiteY0" fmla="*/ 542140 h 1363604"/>
              <a:gd name="connsiteX1" fmla="*/ 9116341 w 11522469"/>
              <a:gd name="connsiteY1" fmla="*/ 0 h 1363604"/>
              <a:gd name="connsiteX2" fmla="*/ 11522469 w 11522469"/>
              <a:gd name="connsiteY2" fmla="*/ 208706 h 1363604"/>
              <a:gd name="connsiteX3" fmla="*/ 11452492 w 11522469"/>
              <a:gd name="connsiteY3" fmla="*/ 1359997 h 1363604"/>
              <a:gd name="connsiteX4" fmla="*/ 16571 w 11522469"/>
              <a:gd name="connsiteY4" fmla="*/ 1261101 h 1363604"/>
              <a:gd name="connsiteX5" fmla="*/ 1532 w 11522469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946 w 11521883"/>
              <a:gd name="connsiteY0" fmla="*/ 542140 h 1363604"/>
              <a:gd name="connsiteX1" fmla="*/ 9115755 w 11521883"/>
              <a:gd name="connsiteY1" fmla="*/ 0 h 1363604"/>
              <a:gd name="connsiteX2" fmla="*/ 11521883 w 11521883"/>
              <a:gd name="connsiteY2" fmla="*/ 208706 h 1363604"/>
              <a:gd name="connsiteX3" fmla="*/ 11451906 w 11521883"/>
              <a:gd name="connsiteY3" fmla="*/ 1359997 h 1363604"/>
              <a:gd name="connsiteX4" fmla="*/ 110 w 11521883"/>
              <a:gd name="connsiteY4" fmla="*/ 1268156 h 1363604"/>
              <a:gd name="connsiteX5" fmla="*/ 946 w 11521883"/>
              <a:gd name="connsiteY5" fmla="*/ 542140 h 1363604"/>
              <a:gd name="connsiteX0" fmla="*/ 946 w 11525058"/>
              <a:gd name="connsiteY0" fmla="*/ 542140 h 1359997"/>
              <a:gd name="connsiteX1" fmla="*/ 9115755 w 11525058"/>
              <a:gd name="connsiteY1" fmla="*/ 0 h 1359997"/>
              <a:gd name="connsiteX2" fmla="*/ 11525058 w 11525058"/>
              <a:gd name="connsiteY2" fmla="*/ 169906 h 1359997"/>
              <a:gd name="connsiteX3" fmla="*/ 11451906 w 11525058"/>
              <a:gd name="connsiteY3" fmla="*/ 1359997 h 1359997"/>
              <a:gd name="connsiteX4" fmla="*/ 110 w 11525058"/>
              <a:gd name="connsiteY4" fmla="*/ 1268156 h 1359997"/>
              <a:gd name="connsiteX5" fmla="*/ 946 w 11525058"/>
              <a:gd name="connsiteY5" fmla="*/ 542140 h 1359997"/>
              <a:gd name="connsiteX0" fmla="*/ 946 w 11525073"/>
              <a:gd name="connsiteY0" fmla="*/ 542140 h 1359997"/>
              <a:gd name="connsiteX1" fmla="*/ 9115755 w 11525073"/>
              <a:gd name="connsiteY1" fmla="*/ 0 h 1359997"/>
              <a:gd name="connsiteX2" fmla="*/ 11525058 w 11525073"/>
              <a:gd name="connsiteY2" fmla="*/ 169906 h 1359997"/>
              <a:gd name="connsiteX3" fmla="*/ 11451906 w 11525073"/>
              <a:gd name="connsiteY3" fmla="*/ 1359997 h 1359997"/>
              <a:gd name="connsiteX4" fmla="*/ 110 w 11525073"/>
              <a:gd name="connsiteY4" fmla="*/ 1268156 h 1359997"/>
              <a:gd name="connsiteX5" fmla="*/ 946 w 11525073"/>
              <a:gd name="connsiteY5" fmla="*/ 542140 h 1359997"/>
              <a:gd name="connsiteX0" fmla="*/ 946 w 11526882"/>
              <a:gd name="connsiteY0" fmla="*/ 542140 h 1268286"/>
              <a:gd name="connsiteX1" fmla="*/ 9115755 w 11526882"/>
              <a:gd name="connsiteY1" fmla="*/ 0 h 1268286"/>
              <a:gd name="connsiteX2" fmla="*/ 11525058 w 11526882"/>
              <a:gd name="connsiteY2" fmla="*/ 169906 h 1268286"/>
              <a:gd name="connsiteX3" fmla="*/ 11512231 w 11526882"/>
              <a:gd name="connsiteY3" fmla="*/ 1268286 h 1268286"/>
              <a:gd name="connsiteX4" fmla="*/ 110 w 11526882"/>
              <a:gd name="connsiteY4" fmla="*/ 1268156 h 1268286"/>
              <a:gd name="connsiteX5" fmla="*/ 946 w 11526882"/>
              <a:gd name="connsiteY5" fmla="*/ 542140 h 1268286"/>
              <a:gd name="connsiteX0" fmla="*/ 946 w 11525140"/>
              <a:gd name="connsiteY0" fmla="*/ 542140 h 1268286"/>
              <a:gd name="connsiteX1" fmla="*/ 9115755 w 11525140"/>
              <a:gd name="connsiteY1" fmla="*/ 0 h 1268286"/>
              <a:gd name="connsiteX2" fmla="*/ 11525058 w 11525140"/>
              <a:gd name="connsiteY2" fmla="*/ 169906 h 1268286"/>
              <a:gd name="connsiteX3" fmla="*/ 11512231 w 11525140"/>
              <a:gd name="connsiteY3" fmla="*/ 1268286 h 1268286"/>
              <a:gd name="connsiteX4" fmla="*/ 110 w 11525140"/>
              <a:gd name="connsiteY4" fmla="*/ 1268156 h 1268286"/>
              <a:gd name="connsiteX5" fmla="*/ 946 w 11525140"/>
              <a:gd name="connsiteY5" fmla="*/ 542140 h 1268286"/>
              <a:gd name="connsiteX0" fmla="*/ 946 w 11525270"/>
              <a:gd name="connsiteY0" fmla="*/ 542140 h 1271813"/>
              <a:gd name="connsiteX1" fmla="*/ 9115755 w 11525270"/>
              <a:gd name="connsiteY1" fmla="*/ 0 h 1271813"/>
              <a:gd name="connsiteX2" fmla="*/ 11525058 w 11525270"/>
              <a:gd name="connsiteY2" fmla="*/ 169906 h 1271813"/>
              <a:gd name="connsiteX3" fmla="*/ 11518581 w 11525270"/>
              <a:gd name="connsiteY3" fmla="*/ 1271813 h 1271813"/>
              <a:gd name="connsiteX4" fmla="*/ 110 w 11525270"/>
              <a:gd name="connsiteY4" fmla="*/ 1268156 h 1271813"/>
              <a:gd name="connsiteX5" fmla="*/ 946 w 11525270"/>
              <a:gd name="connsiteY5" fmla="*/ 542140 h 1271813"/>
              <a:gd name="connsiteX0" fmla="*/ 946 w 11527241"/>
              <a:gd name="connsiteY0" fmla="*/ 542140 h 1271813"/>
              <a:gd name="connsiteX1" fmla="*/ 9115755 w 11527241"/>
              <a:gd name="connsiteY1" fmla="*/ 0 h 1271813"/>
              <a:gd name="connsiteX2" fmla="*/ 11525058 w 11527241"/>
              <a:gd name="connsiteY2" fmla="*/ 169906 h 1271813"/>
              <a:gd name="connsiteX3" fmla="*/ 11524931 w 11527241"/>
              <a:gd name="connsiteY3" fmla="*/ 1271813 h 1271813"/>
              <a:gd name="connsiteX4" fmla="*/ 110 w 11527241"/>
              <a:gd name="connsiteY4" fmla="*/ 1268156 h 1271813"/>
              <a:gd name="connsiteX5" fmla="*/ 946 w 11527241"/>
              <a:gd name="connsiteY5" fmla="*/ 542140 h 1271813"/>
              <a:gd name="connsiteX0" fmla="*/ 946 w 11527241"/>
              <a:gd name="connsiteY0" fmla="*/ 573886 h 1303559"/>
              <a:gd name="connsiteX1" fmla="*/ 903003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  <a:gd name="connsiteX0" fmla="*/ 946 w 11527241"/>
              <a:gd name="connsiteY0" fmla="*/ 573886 h 1303559"/>
              <a:gd name="connsiteX1" fmla="*/ 903638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7241" h="1303559">
                <a:moveTo>
                  <a:pt x="946" y="573886"/>
                </a:moveTo>
                <a:lnTo>
                  <a:pt x="9036380" y="0"/>
                </a:lnTo>
                <a:lnTo>
                  <a:pt x="11525058" y="201652"/>
                </a:lnTo>
                <a:cubicBezTo>
                  <a:pt x="11526116" y="664524"/>
                  <a:pt x="11529461" y="717231"/>
                  <a:pt x="11524931" y="1303559"/>
                </a:cubicBezTo>
                <a:lnTo>
                  <a:pt x="110" y="1299902"/>
                </a:lnTo>
                <a:cubicBezTo>
                  <a:pt x="-750" y="939156"/>
                  <a:pt x="3777" y="902801"/>
                  <a:pt x="946" y="573886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77630792-5CA9-452D-9261-9C926C255D3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" y="2284327"/>
            <a:ext cx="9558375" cy="3875144"/>
          </a:xfrm>
          <a:custGeom>
            <a:avLst/>
            <a:gdLst>
              <a:gd name="connsiteX0" fmla="*/ 0 w 9034271"/>
              <a:gd name="connsiteY0" fmla="*/ 0 h 3661652"/>
              <a:gd name="connsiteX1" fmla="*/ 9034271 w 9034271"/>
              <a:gd name="connsiteY1" fmla="*/ 0 h 3661652"/>
              <a:gd name="connsiteX2" fmla="*/ 9034271 w 9034271"/>
              <a:gd name="connsiteY2" fmla="*/ 3147987 h 3661652"/>
              <a:gd name="connsiteX3" fmla="*/ 49484 w 9034271"/>
              <a:gd name="connsiteY3" fmla="*/ 3661652 h 3661652"/>
              <a:gd name="connsiteX4" fmla="*/ 0 w 9034271"/>
              <a:gd name="connsiteY4" fmla="*/ 3661652 h 3661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034271" h="3661652">
                <a:moveTo>
                  <a:pt x="0" y="0"/>
                </a:moveTo>
                <a:lnTo>
                  <a:pt x="9034271" y="0"/>
                </a:lnTo>
                <a:lnTo>
                  <a:pt x="9034271" y="3147987"/>
                </a:lnTo>
                <a:lnTo>
                  <a:pt x="49484" y="3661652"/>
                </a:lnTo>
                <a:lnTo>
                  <a:pt x="0" y="3661652"/>
                </a:lnTo>
                <a:close/>
              </a:path>
            </a:pathLst>
          </a:custGeom>
          <a:solidFill>
            <a:schemeClr val="accent1">
              <a:alpha val="60000"/>
            </a:schemeClr>
          </a:solidFill>
        </p:spPr>
        <p:txBody>
          <a:bodyPr wrap="square" lIns="529200" tIns="720000" rIns="180000" anchor="t">
            <a:no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8354227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-slide, grå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close up of a brick building&#10;&#10;Description automatically generated">
            <a:extLst>
              <a:ext uri="{FF2B5EF4-FFF2-40B4-BE49-F238E27FC236}">
                <a16:creationId xmlns:a16="http://schemas.microsoft.com/office/drawing/2014/main" id="{7D13901A-1EFD-4FF4-A6BD-C2F02F62A3B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14267" b="1322"/>
          <a:stretch/>
        </p:blipFill>
        <p:spPr>
          <a:xfrm>
            <a:off x="0" y="1"/>
            <a:ext cx="12189600" cy="6858000"/>
          </a:xfrm>
          <a:custGeom>
            <a:avLst/>
            <a:gdLst>
              <a:gd name="connsiteX0" fmla="*/ 0 w 12189600"/>
              <a:gd name="connsiteY0" fmla="*/ 6854062 h 6858000"/>
              <a:gd name="connsiteX1" fmla="*/ 12189600 w 12189600"/>
              <a:gd name="connsiteY1" fmla="*/ 6857544 h 6858000"/>
              <a:gd name="connsiteX2" fmla="*/ 12189600 w 12189600"/>
              <a:gd name="connsiteY2" fmla="*/ 6858000 h 6858000"/>
              <a:gd name="connsiteX3" fmla="*/ 0 w 12189600"/>
              <a:gd name="connsiteY3" fmla="*/ 6858000 h 6858000"/>
              <a:gd name="connsiteX4" fmla="*/ 0 w 12189600"/>
              <a:gd name="connsiteY4" fmla="*/ 0 h 6858000"/>
              <a:gd name="connsiteX5" fmla="*/ 12189600 w 12189600"/>
              <a:gd name="connsiteY5" fmla="*/ 0 h 6858000"/>
              <a:gd name="connsiteX6" fmla="*/ 12189600 w 12189600"/>
              <a:gd name="connsiteY6" fmla="*/ 5807654 h 6858000"/>
              <a:gd name="connsiteX7" fmla="*/ 9559607 w 12189600"/>
              <a:gd name="connsiteY7" fmla="*/ 5615785 h 6858000"/>
              <a:gd name="connsiteX8" fmla="*/ 1 w 12189600"/>
              <a:gd name="connsiteY8" fmla="*/ 6162464 h 6858000"/>
              <a:gd name="connsiteX9" fmla="*/ 341 w 12189600"/>
              <a:gd name="connsiteY9" fmla="*/ 6496892 h 6858000"/>
              <a:gd name="connsiteX10" fmla="*/ 0 w 12189600"/>
              <a:gd name="connsiteY10" fmla="*/ 6539853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2189600" h="6858000">
                <a:moveTo>
                  <a:pt x="0" y="6854062"/>
                </a:moveTo>
                <a:lnTo>
                  <a:pt x="12189600" y="6857544"/>
                </a:lnTo>
                <a:lnTo>
                  <a:pt x="121896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5807654"/>
                </a:lnTo>
                <a:lnTo>
                  <a:pt x="9559607" y="5615785"/>
                </a:lnTo>
                <a:lnTo>
                  <a:pt x="1" y="6162464"/>
                </a:lnTo>
                <a:cubicBezTo>
                  <a:pt x="1499" y="6319125"/>
                  <a:pt x="1050" y="6406114"/>
                  <a:pt x="341" y="6496892"/>
                </a:cubicBezTo>
                <a:lnTo>
                  <a:pt x="0" y="6539853"/>
                </a:lnTo>
                <a:close/>
              </a:path>
            </a:pathLst>
          </a:custGeom>
        </p:spPr>
      </p:pic>
      <p:sp>
        <p:nvSpPr>
          <p:cNvPr id="12" name="Text Placeholder Logo">
            <a:extLst>
              <a:ext uri="{FF2B5EF4-FFF2-40B4-BE49-F238E27FC236}">
                <a16:creationId xmlns:a16="http://schemas.microsoft.com/office/drawing/2014/main" id="{2A6EA4A3-63BC-436E-936E-41F8B513083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0471" y="68578"/>
            <a:ext cx="1813011" cy="1032482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6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02EE7181-F938-4A27-BBD6-732E59C7D286}"/>
              </a:ext>
            </a:extLst>
          </p:cNvPr>
          <p:cNvSpPr/>
          <p:nvPr userDrawn="1"/>
        </p:nvSpPr>
        <p:spPr>
          <a:xfrm>
            <a:off x="-1000" y="5615786"/>
            <a:ext cx="12195970" cy="1241760"/>
          </a:xfrm>
          <a:custGeom>
            <a:avLst/>
            <a:gdLst>
              <a:gd name="connsiteX0" fmla="*/ 9036380 w 11527241"/>
              <a:gd name="connsiteY0" fmla="*/ 0 h 1173348"/>
              <a:gd name="connsiteX1" fmla="*/ 11525058 w 11527241"/>
              <a:gd name="connsiteY1" fmla="*/ 181509 h 1173348"/>
              <a:gd name="connsiteX2" fmla="*/ 11524931 w 11527241"/>
              <a:gd name="connsiteY2" fmla="*/ 1173348 h 1173348"/>
              <a:gd name="connsiteX3" fmla="*/ 110 w 11527241"/>
              <a:gd name="connsiteY3" fmla="*/ 1170056 h 1173348"/>
              <a:gd name="connsiteX4" fmla="*/ 946 w 11527241"/>
              <a:gd name="connsiteY4" fmla="*/ 516561 h 11733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527241" h="1173348">
                <a:moveTo>
                  <a:pt x="9036380" y="0"/>
                </a:moveTo>
                <a:lnTo>
                  <a:pt x="11525058" y="181509"/>
                </a:lnTo>
                <a:cubicBezTo>
                  <a:pt x="11526116" y="598146"/>
                  <a:pt x="11529461" y="645588"/>
                  <a:pt x="11524931" y="1173348"/>
                </a:cubicBezTo>
                <a:lnTo>
                  <a:pt x="110" y="1170056"/>
                </a:lnTo>
                <a:cubicBezTo>
                  <a:pt x="-750" y="845345"/>
                  <a:pt x="3777" y="812621"/>
                  <a:pt x="946" y="516561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4" name="Title 13">
            <a:extLst>
              <a:ext uri="{FF2B5EF4-FFF2-40B4-BE49-F238E27FC236}">
                <a16:creationId xmlns:a16="http://schemas.microsoft.com/office/drawing/2014/main" id="{4AFB8976-B6B6-4526-A8CA-0497A2F9059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" y="2284327"/>
            <a:ext cx="9558375" cy="3875144"/>
          </a:xfrm>
          <a:custGeom>
            <a:avLst/>
            <a:gdLst>
              <a:gd name="connsiteX0" fmla="*/ 0 w 9034271"/>
              <a:gd name="connsiteY0" fmla="*/ 0 h 3661652"/>
              <a:gd name="connsiteX1" fmla="*/ 9034271 w 9034271"/>
              <a:gd name="connsiteY1" fmla="*/ 0 h 3661652"/>
              <a:gd name="connsiteX2" fmla="*/ 9034271 w 9034271"/>
              <a:gd name="connsiteY2" fmla="*/ 3147987 h 3661652"/>
              <a:gd name="connsiteX3" fmla="*/ 49484 w 9034271"/>
              <a:gd name="connsiteY3" fmla="*/ 3661652 h 3661652"/>
              <a:gd name="connsiteX4" fmla="*/ 0 w 9034271"/>
              <a:gd name="connsiteY4" fmla="*/ 3661652 h 36616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034271" h="3661652">
                <a:moveTo>
                  <a:pt x="0" y="0"/>
                </a:moveTo>
                <a:lnTo>
                  <a:pt x="9034271" y="0"/>
                </a:lnTo>
                <a:lnTo>
                  <a:pt x="9034271" y="3147987"/>
                </a:lnTo>
                <a:lnTo>
                  <a:pt x="49484" y="3661652"/>
                </a:lnTo>
                <a:lnTo>
                  <a:pt x="0" y="3661652"/>
                </a:lnTo>
                <a:close/>
              </a:path>
            </a:pathLst>
          </a:custGeom>
          <a:solidFill>
            <a:schemeClr val="bg2">
              <a:alpha val="60000"/>
            </a:schemeClr>
          </a:solidFill>
        </p:spPr>
        <p:txBody>
          <a:bodyPr wrap="square" lIns="529200" tIns="720000" rIns="180000" anchor="t">
            <a:noAutofit/>
          </a:bodyPr>
          <a:lstStyle>
            <a:lvl1pPr algn="l">
              <a:defRPr lang="da-DK" sz="4867" spc="0" baseline="0" smtClean="0">
                <a:solidFill>
                  <a:schemeClr val="tx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3986941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, rød og blå b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 9">
            <a:extLst>
              <a:ext uri="{FF2B5EF4-FFF2-40B4-BE49-F238E27FC236}">
                <a16:creationId xmlns:a16="http://schemas.microsoft.com/office/drawing/2014/main" id="{29ED5081-FB62-4922-AEAE-5B200A43BDAD}"/>
              </a:ext>
            </a:extLst>
          </p:cNvPr>
          <p:cNvSpPr/>
          <p:nvPr userDrawn="1"/>
        </p:nvSpPr>
        <p:spPr>
          <a:xfrm>
            <a:off x="0" y="763635"/>
            <a:ext cx="9645342" cy="5411436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112"/>
              <a:gd name="connsiteY0" fmla="*/ 542140 h 6500326"/>
              <a:gd name="connsiteX1" fmla="*/ 9114809 w 11524112"/>
              <a:gd name="connsiteY1" fmla="*/ 0 h 6500326"/>
              <a:gd name="connsiteX2" fmla="*/ 11524112 w 11524112"/>
              <a:gd name="connsiteY2" fmla="*/ 6500326 h 6500326"/>
              <a:gd name="connsiteX3" fmla="*/ 331 w 11524112"/>
              <a:gd name="connsiteY3" fmla="*/ 6495386 h 6500326"/>
              <a:gd name="connsiteX4" fmla="*/ 0 w 11524112"/>
              <a:gd name="connsiteY4" fmla="*/ 542140 h 6500326"/>
              <a:gd name="connsiteX0" fmla="*/ 0 w 9114809"/>
              <a:gd name="connsiteY0" fmla="*/ 542140 h 6495385"/>
              <a:gd name="connsiteX1" fmla="*/ 9114809 w 9114809"/>
              <a:gd name="connsiteY1" fmla="*/ 0 h 6495385"/>
              <a:gd name="connsiteX2" fmla="*/ 8877165 w 9114809"/>
              <a:gd name="connsiteY2" fmla="*/ 5145825 h 6495385"/>
              <a:gd name="connsiteX3" fmla="*/ 331 w 9114809"/>
              <a:gd name="connsiteY3" fmla="*/ 6495386 h 6495385"/>
              <a:gd name="connsiteX4" fmla="*/ 0 w 9114809"/>
              <a:gd name="connsiteY4" fmla="*/ 542140 h 6495385"/>
              <a:gd name="connsiteX0" fmla="*/ 0 w 9114809"/>
              <a:gd name="connsiteY0" fmla="*/ 542140 h 5145825"/>
              <a:gd name="connsiteX1" fmla="*/ 9114809 w 9114809"/>
              <a:gd name="connsiteY1" fmla="*/ 0 h 5145825"/>
              <a:gd name="connsiteX2" fmla="*/ 8877165 w 9114809"/>
              <a:gd name="connsiteY2" fmla="*/ 5145825 h 5145825"/>
              <a:gd name="connsiteX3" fmla="*/ 497636 w 9114809"/>
              <a:gd name="connsiteY3" fmla="*/ 4695326 h 5145825"/>
              <a:gd name="connsiteX4" fmla="*/ 0 w 9114809"/>
              <a:gd name="connsiteY4" fmla="*/ 542140 h 5145825"/>
              <a:gd name="connsiteX0" fmla="*/ 0 w 9114809"/>
              <a:gd name="connsiteY0" fmla="*/ 542140 h 5497333"/>
              <a:gd name="connsiteX1" fmla="*/ 9114809 w 9114809"/>
              <a:gd name="connsiteY1" fmla="*/ 0 h 5497333"/>
              <a:gd name="connsiteX2" fmla="*/ 8877165 w 9114809"/>
              <a:gd name="connsiteY2" fmla="*/ 5145825 h 5497333"/>
              <a:gd name="connsiteX3" fmla="*/ 160752 w 9114809"/>
              <a:gd name="connsiteY3" fmla="*/ 5497333 h 5497333"/>
              <a:gd name="connsiteX4" fmla="*/ 0 w 9114809"/>
              <a:gd name="connsiteY4" fmla="*/ 542140 h 5497333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8877165 w 9114809"/>
              <a:gd name="connsiteY2" fmla="*/ 5145825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48615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86715 w 9114809"/>
              <a:gd name="connsiteY2" fmla="*/ 5099970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21640"/>
              <a:gd name="connsiteY0" fmla="*/ 542140 h 5677228"/>
              <a:gd name="connsiteX1" fmla="*/ 9114809 w 9121640"/>
              <a:gd name="connsiteY1" fmla="*/ 0 h 5677228"/>
              <a:gd name="connsiteX2" fmla="*/ 9121640 w 9121640"/>
              <a:gd name="connsiteY2" fmla="*/ 5099970 h 5677228"/>
              <a:gd name="connsiteX3" fmla="*/ 5177 w 9121640"/>
              <a:gd name="connsiteY3" fmla="*/ 5677228 h 5677228"/>
              <a:gd name="connsiteX4" fmla="*/ 0 w 9121640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102590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5290"/>
              <a:gd name="connsiteY0" fmla="*/ 542140 h 5677228"/>
              <a:gd name="connsiteX1" fmla="*/ 9114809 w 9115290"/>
              <a:gd name="connsiteY1" fmla="*/ 0 h 5677228"/>
              <a:gd name="connsiteX2" fmla="*/ 9115290 w 9115290"/>
              <a:gd name="connsiteY2" fmla="*/ 5099970 h 5677228"/>
              <a:gd name="connsiteX3" fmla="*/ 5177 w 9115290"/>
              <a:gd name="connsiteY3" fmla="*/ 5677228 h 5677228"/>
              <a:gd name="connsiteX4" fmla="*/ 0 w 9115290"/>
              <a:gd name="connsiteY4" fmla="*/ 542140 h 5677228"/>
              <a:gd name="connsiteX0" fmla="*/ 1179 w 9116469"/>
              <a:gd name="connsiteY0" fmla="*/ 542140 h 5680755"/>
              <a:gd name="connsiteX1" fmla="*/ 9115988 w 9116469"/>
              <a:gd name="connsiteY1" fmla="*/ 0 h 5680755"/>
              <a:gd name="connsiteX2" fmla="*/ 9116469 w 9116469"/>
              <a:gd name="connsiteY2" fmla="*/ 5099970 h 5680755"/>
              <a:gd name="connsiteX3" fmla="*/ 6 w 9116469"/>
              <a:gd name="connsiteY3" fmla="*/ 5680755 h 5680755"/>
              <a:gd name="connsiteX4" fmla="*/ 1179 w 9116469"/>
              <a:gd name="connsiteY4" fmla="*/ 542140 h 56807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6469" h="5680755">
                <a:moveTo>
                  <a:pt x="1179" y="542140"/>
                </a:moveTo>
                <a:lnTo>
                  <a:pt x="9115988" y="0"/>
                </a:lnTo>
                <a:cubicBezTo>
                  <a:pt x="9116148" y="1699990"/>
                  <a:pt x="9116309" y="3399980"/>
                  <a:pt x="9116469" y="5099970"/>
                </a:cubicBezTo>
                <a:lnTo>
                  <a:pt x="6" y="5680755"/>
                </a:lnTo>
                <a:cubicBezTo>
                  <a:pt x="-104" y="3695164"/>
                  <a:pt x="1289" y="2527731"/>
                  <a:pt x="1179" y="542140"/>
                </a:cubicBezTo>
                <a:close/>
              </a:path>
            </a:pathLst>
          </a:custGeom>
          <a:solidFill>
            <a:srgbClr val="F2193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1" name="Freeform 13">
            <a:extLst>
              <a:ext uri="{FF2B5EF4-FFF2-40B4-BE49-F238E27FC236}">
                <a16:creationId xmlns:a16="http://schemas.microsoft.com/office/drawing/2014/main" id="{5BE98CB1-7E1F-46E6-94B1-961D36584890}"/>
              </a:ext>
            </a:extLst>
          </p:cNvPr>
          <p:cNvSpPr/>
          <p:nvPr userDrawn="1"/>
        </p:nvSpPr>
        <p:spPr>
          <a:xfrm>
            <a:off x="9644093" y="762663"/>
            <a:ext cx="2542990" cy="5062482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112"/>
              <a:gd name="connsiteY0" fmla="*/ 542140 h 6500326"/>
              <a:gd name="connsiteX1" fmla="*/ 9114809 w 11524112"/>
              <a:gd name="connsiteY1" fmla="*/ 0 h 6500326"/>
              <a:gd name="connsiteX2" fmla="*/ 11524112 w 11524112"/>
              <a:gd name="connsiteY2" fmla="*/ 6500326 h 6500326"/>
              <a:gd name="connsiteX3" fmla="*/ 331 w 11524112"/>
              <a:gd name="connsiteY3" fmla="*/ 6495386 h 6500326"/>
              <a:gd name="connsiteX4" fmla="*/ 0 w 11524112"/>
              <a:gd name="connsiteY4" fmla="*/ 542140 h 6500326"/>
              <a:gd name="connsiteX0" fmla="*/ 0 w 9114809"/>
              <a:gd name="connsiteY0" fmla="*/ 542140 h 6495385"/>
              <a:gd name="connsiteX1" fmla="*/ 9114809 w 9114809"/>
              <a:gd name="connsiteY1" fmla="*/ 0 h 6495385"/>
              <a:gd name="connsiteX2" fmla="*/ 8877165 w 9114809"/>
              <a:gd name="connsiteY2" fmla="*/ 5145825 h 6495385"/>
              <a:gd name="connsiteX3" fmla="*/ 331 w 9114809"/>
              <a:gd name="connsiteY3" fmla="*/ 6495386 h 6495385"/>
              <a:gd name="connsiteX4" fmla="*/ 0 w 9114809"/>
              <a:gd name="connsiteY4" fmla="*/ 542140 h 6495385"/>
              <a:gd name="connsiteX0" fmla="*/ 0 w 9114809"/>
              <a:gd name="connsiteY0" fmla="*/ 542140 h 5145825"/>
              <a:gd name="connsiteX1" fmla="*/ 9114809 w 9114809"/>
              <a:gd name="connsiteY1" fmla="*/ 0 h 5145825"/>
              <a:gd name="connsiteX2" fmla="*/ 8877165 w 9114809"/>
              <a:gd name="connsiteY2" fmla="*/ 5145825 h 5145825"/>
              <a:gd name="connsiteX3" fmla="*/ 497636 w 9114809"/>
              <a:gd name="connsiteY3" fmla="*/ 4695326 h 5145825"/>
              <a:gd name="connsiteX4" fmla="*/ 0 w 9114809"/>
              <a:gd name="connsiteY4" fmla="*/ 542140 h 5145825"/>
              <a:gd name="connsiteX0" fmla="*/ 0 w 9114809"/>
              <a:gd name="connsiteY0" fmla="*/ 542140 h 5497333"/>
              <a:gd name="connsiteX1" fmla="*/ 9114809 w 9114809"/>
              <a:gd name="connsiteY1" fmla="*/ 0 h 5497333"/>
              <a:gd name="connsiteX2" fmla="*/ 8877165 w 9114809"/>
              <a:gd name="connsiteY2" fmla="*/ 5145825 h 5497333"/>
              <a:gd name="connsiteX3" fmla="*/ 160752 w 9114809"/>
              <a:gd name="connsiteY3" fmla="*/ 5497333 h 5497333"/>
              <a:gd name="connsiteX4" fmla="*/ 0 w 9114809"/>
              <a:gd name="connsiteY4" fmla="*/ 542140 h 5497333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8877165 w 9114809"/>
              <a:gd name="connsiteY2" fmla="*/ 5145825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48615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86715 w 9114809"/>
              <a:gd name="connsiteY2" fmla="*/ 5099970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21640"/>
              <a:gd name="connsiteY0" fmla="*/ 542140 h 5677228"/>
              <a:gd name="connsiteX1" fmla="*/ 9114809 w 9121640"/>
              <a:gd name="connsiteY1" fmla="*/ 0 h 5677228"/>
              <a:gd name="connsiteX2" fmla="*/ 9121640 w 9121640"/>
              <a:gd name="connsiteY2" fmla="*/ 5099970 h 5677228"/>
              <a:gd name="connsiteX3" fmla="*/ 5177 w 9121640"/>
              <a:gd name="connsiteY3" fmla="*/ 5677228 h 5677228"/>
              <a:gd name="connsiteX4" fmla="*/ 0 w 9121640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102590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5290"/>
              <a:gd name="connsiteY0" fmla="*/ 542140 h 5677228"/>
              <a:gd name="connsiteX1" fmla="*/ 9114809 w 9115290"/>
              <a:gd name="connsiteY1" fmla="*/ 0 h 5677228"/>
              <a:gd name="connsiteX2" fmla="*/ 9115290 w 9115290"/>
              <a:gd name="connsiteY2" fmla="*/ 5099970 h 5677228"/>
              <a:gd name="connsiteX3" fmla="*/ 5177 w 9115290"/>
              <a:gd name="connsiteY3" fmla="*/ 5677228 h 5677228"/>
              <a:gd name="connsiteX4" fmla="*/ 0 w 9115290"/>
              <a:gd name="connsiteY4" fmla="*/ 542140 h 5677228"/>
              <a:gd name="connsiteX0" fmla="*/ 1179 w 9116469"/>
              <a:gd name="connsiteY0" fmla="*/ 542140 h 5680755"/>
              <a:gd name="connsiteX1" fmla="*/ 9115988 w 9116469"/>
              <a:gd name="connsiteY1" fmla="*/ 0 h 5680755"/>
              <a:gd name="connsiteX2" fmla="*/ 9116469 w 9116469"/>
              <a:gd name="connsiteY2" fmla="*/ 5099970 h 5680755"/>
              <a:gd name="connsiteX3" fmla="*/ 6 w 9116469"/>
              <a:gd name="connsiteY3" fmla="*/ 5680755 h 5680755"/>
              <a:gd name="connsiteX4" fmla="*/ 1179 w 9116469"/>
              <a:gd name="connsiteY4" fmla="*/ 542140 h 5680755"/>
              <a:gd name="connsiteX0" fmla="*/ 33753 w 9116465"/>
              <a:gd name="connsiteY0" fmla="*/ 0 h 6223363"/>
              <a:gd name="connsiteX1" fmla="*/ 9115984 w 9116465"/>
              <a:gd name="connsiteY1" fmla="*/ 542608 h 6223363"/>
              <a:gd name="connsiteX2" fmla="*/ 9116465 w 9116465"/>
              <a:gd name="connsiteY2" fmla="*/ 5642578 h 6223363"/>
              <a:gd name="connsiteX3" fmla="*/ 2 w 9116465"/>
              <a:gd name="connsiteY3" fmla="*/ 6223363 h 6223363"/>
              <a:gd name="connsiteX4" fmla="*/ 33753 w 9116465"/>
              <a:gd name="connsiteY4" fmla="*/ 0 h 6223363"/>
              <a:gd name="connsiteX0" fmla="*/ 0 w 9082712"/>
              <a:gd name="connsiteY0" fmla="*/ 0 h 5642577"/>
              <a:gd name="connsiteX1" fmla="*/ 9082231 w 9082712"/>
              <a:gd name="connsiteY1" fmla="*/ 542608 h 5642577"/>
              <a:gd name="connsiteX2" fmla="*/ 9082712 w 9082712"/>
              <a:gd name="connsiteY2" fmla="*/ 5642578 h 5642577"/>
              <a:gd name="connsiteX3" fmla="*/ 357188 w 9082712"/>
              <a:gd name="connsiteY3" fmla="*/ 4845905 h 5642577"/>
              <a:gd name="connsiteX4" fmla="*/ 0 w 9082712"/>
              <a:gd name="connsiteY4" fmla="*/ 0 h 5642577"/>
              <a:gd name="connsiteX0" fmla="*/ 0 w 9082712"/>
              <a:gd name="connsiteY0" fmla="*/ 0 h 5642578"/>
              <a:gd name="connsiteX1" fmla="*/ 9082231 w 9082712"/>
              <a:gd name="connsiteY1" fmla="*/ 542608 h 5642578"/>
              <a:gd name="connsiteX2" fmla="*/ 9082712 w 9082712"/>
              <a:gd name="connsiteY2" fmla="*/ 5642578 h 5642578"/>
              <a:gd name="connsiteX3" fmla="*/ 96562 w 9082712"/>
              <a:gd name="connsiteY3" fmla="*/ 4983652 h 5642578"/>
              <a:gd name="connsiteX4" fmla="*/ 0 w 9082712"/>
              <a:gd name="connsiteY4" fmla="*/ 0 h 5642578"/>
              <a:gd name="connsiteX0" fmla="*/ 0 w 9082712"/>
              <a:gd name="connsiteY0" fmla="*/ 0 h 5642578"/>
              <a:gd name="connsiteX1" fmla="*/ 4912221 w 9082712"/>
              <a:gd name="connsiteY1" fmla="*/ 301553 h 5642578"/>
              <a:gd name="connsiteX2" fmla="*/ 9082712 w 9082712"/>
              <a:gd name="connsiteY2" fmla="*/ 5642578 h 5642578"/>
              <a:gd name="connsiteX3" fmla="*/ 96562 w 9082712"/>
              <a:gd name="connsiteY3" fmla="*/ 4983652 h 5642578"/>
              <a:gd name="connsiteX4" fmla="*/ 0 w 9082712"/>
              <a:gd name="connsiteY4" fmla="*/ 0 h 5642578"/>
              <a:gd name="connsiteX0" fmla="*/ 0 w 4912221"/>
              <a:gd name="connsiteY0" fmla="*/ 0 h 5367087"/>
              <a:gd name="connsiteX1" fmla="*/ 4912221 w 4912221"/>
              <a:gd name="connsiteY1" fmla="*/ 301553 h 5367087"/>
              <a:gd name="connsiteX2" fmla="*/ 4652077 w 4912221"/>
              <a:gd name="connsiteY2" fmla="*/ 5367087 h 5367087"/>
              <a:gd name="connsiteX3" fmla="*/ 96562 w 4912221"/>
              <a:gd name="connsiteY3" fmla="*/ 4983652 h 5367087"/>
              <a:gd name="connsiteX4" fmla="*/ 0 w 4912221"/>
              <a:gd name="connsiteY4" fmla="*/ 0 h 5367087"/>
              <a:gd name="connsiteX0" fmla="*/ 0 w 4938917"/>
              <a:gd name="connsiteY0" fmla="*/ 0 h 5360032"/>
              <a:gd name="connsiteX1" fmla="*/ 4938917 w 4938917"/>
              <a:gd name="connsiteY1" fmla="*/ 294498 h 5360032"/>
              <a:gd name="connsiteX2" fmla="*/ 4678773 w 4938917"/>
              <a:gd name="connsiteY2" fmla="*/ 5360032 h 5360032"/>
              <a:gd name="connsiteX3" fmla="*/ 123258 w 4938917"/>
              <a:gd name="connsiteY3" fmla="*/ 4976597 h 5360032"/>
              <a:gd name="connsiteX4" fmla="*/ 0 w 4938917"/>
              <a:gd name="connsiteY4" fmla="*/ 0 h 5360032"/>
              <a:gd name="connsiteX0" fmla="*/ 0 w 4932243"/>
              <a:gd name="connsiteY0" fmla="*/ 0 h 5363559"/>
              <a:gd name="connsiteX1" fmla="*/ 4932243 w 4932243"/>
              <a:gd name="connsiteY1" fmla="*/ 298025 h 5363559"/>
              <a:gd name="connsiteX2" fmla="*/ 4672099 w 4932243"/>
              <a:gd name="connsiteY2" fmla="*/ 5363559 h 5363559"/>
              <a:gd name="connsiteX3" fmla="*/ 116584 w 4932243"/>
              <a:gd name="connsiteY3" fmla="*/ 4980124 h 5363559"/>
              <a:gd name="connsiteX4" fmla="*/ 0 w 4932243"/>
              <a:gd name="connsiteY4" fmla="*/ 0 h 5363559"/>
              <a:gd name="connsiteX0" fmla="*/ 10222 w 4942465"/>
              <a:gd name="connsiteY0" fmla="*/ 0 h 5363559"/>
              <a:gd name="connsiteX1" fmla="*/ 4942465 w 4942465"/>
              <a:gd name="connsiteY1" fmla="*/ 298025 h 5363559"/>
              <a:gd name="connsiteX2" fmla="*/ 4682321 w 4942465"/>
              <a:gd name="connsiteY2" fmla="*/ 5363559 h 5363559"/>
              <a:gd name="connsiteX3" fmla="*/ 0 w 4942465"/>
              <a:gd name="connsiteY3" fmla="*/ 5107108 h 5363559"/>
              <a:gd name="connsiteX4" fmla="*/ 10222 w 4942465"/>
              <a:gd name="connsiteY4" fmla="*/ 0 h 5363559"/>
              <a:gd name="connsiteX0" fmla="*/ 3550 w 4935793"/>
              <a:gd name="connsiteY0" fmla="*/ 0 h 5363559"/>
              <a:gd name="connsiteX1" fmla="*/ 4935793 w 4935793"/>
              <a:gd name="connsiteY1" fmla="*/ 298025 h 5363559"/>
              <a:gd name="connsiteX2" fmla="*/ 4675649 w 4935793"/>
              <a:gd name="connsiteY2" fmla="*/ 5363559 h 5363559"/>
              <a:gd name="connsiteX3" fmla="*/ 2 w 4935793"/>
              <a:gd name="connsiteY3" fmla="*/ 5107108 h 5363559"/>
              <a:gd name="connsiteX4" fmla="*/ 3550 w 4935793"/>
              <a:gd name="connsiteY4" fmla="*/ 0 h 5363559"/>
              <a:gd name="connsiteX0" fmla="*/ 0 w 4932243"/>
              <a:gd name="connsiteY0" fmla="*/ 0 h 5363559"/>
              <a:gd name="connsiteX1" fmla="*/ 4932243 w 4932243"/>
              <a:gd name="connsiteY1" fmla="*/ 298025 h 5363559"/>
              <a:gd name="connsiteX2" fmla="*/ 4672099 w 4932243"/>
              <a:gd name="connsiteY2" fmla="*/ 5363559 h 5363559"/>
              <a:gd name="connsiteX3" fmla="*/ 3126 w 4932243"/>
              <a:gd name="connsiteY3" fmla="*/ 5092999 h 5363559"/>
              <a:gd name="connsiteX4" fmla="*/ 0 w 4932243"/>
              <a:gd name="connsiteY4" fmla="*/ 0 h 5363559"/>
              <a:gd name="connsiteX0" fmla="*/ 0 w 4932243"/>
              <a:gd name="connsiteY0" fmla="*/ 0 h 5092999"/>
              <a:gd name="connsiteX1" fmla="*/ 4932243 w 4932243"/>
              <a:gd name="connsiteY1" fmla="*/ 298025 h 5092999"/>
              <a:gd name="connsiteX2" fmla="*/ 4832276 w 4932243"/>
              <a:gd name="connsiteY2" fmla="*/ 5024934 h 5092999"/>
              <a:gd name="connsiteX3" fmla="*/ 3126 w 4932243"/>
              <a:gd name="connsiteY3" fmla="*/ 5092999 h 5092999"/>
              <a:gd name="connsiteX4" fmla="*/ 0 w 4932243"/>
              <a:gd name="connsiteY4" fmla="*/ 0 h 5092999"/>
              <a:gd name="connsiteX0" fmla="*/ 0 w 5052375"/>
              <a:gd name="connsiteY0" fmla="*/ 0 h 5092999"/>
              <a:gd name="connsiteX1" fmla="*/ 5052375 w 5052375"/>
              <a:gd name="connsiteY1" fmla="*/ 209841 h 5092999"/>
              <a:gd name="connsiteX2" fmla="*/ 4832276 w 5052375"/>
              <a:gd name="connsiteY2" fmla="*/ 5024934 h 5092999"/>
              <a:gd name="connsiteX3" fmla="*/ 3126 w 5052375"/>
              <a:gd name="connsiteY3" fmla="*/ 5092999 h 5092999"/>
              <a:gd name="connsiteX4" fmla="*/ 0 w 5052375"/>
              <a:gd name="connsiteY4" fmla="*/ 0 h 5092999"/>
              <a:gd name="connsiteX0" fmla="*/ 10222 w 5062597"/>
              <a:gd name="connsiteY0" fmla="*/ 0 h 5100054"/>
              <a:gd name="connsiteX1" fmla="*/ 5062597 w 5062597"/>
              <a:gd name="connsiteY1" fmla="*/ 209841 h 5100054"/>
              <a:gd name="connsiteX2" fmla="*/ 4842498 w 5062597"/>
              <a:gd name="connsiteY2" fmla="*/ 5024934 h 5100054"/>
              <a:gd name="connsiteX3" fmla="*/ 0 w 5062597"/>
              <a:gd name="connsiteY3" fmla="*/ 5100054 h 5100054"/>
              <a:gd name="connsiteX4" fmla="*/ 10222 w 5062597"/>
              <a:gd name="connsiteY4" fmla="*/ 0 h 5100054"/>
              <a:gd name="connsiteX0" fmla="*/ 0 w 5052375"/>
              <a:gd name="connsiteY0" fmla="*/ 0 h 5103581"/>
              <a:gd name="connsiteX1" fmla="*/ 5052375 w 5052375"/>
              <a:gd name="connsiteY1" fmla="*/ 209841 h 5103581"/>
              <a:gd name="connsiteX2" fmla="*/ 4832276 w 5052375"/>
              <a:gd name="connsiteY2" fmla="*/ 5024934 h 5103581"/>
              <a:gd name="connsiteX3" fmla="*/ 3126 w 5052375"/>
              <a:gd name="connsiteY3" fmla="*/ 5103581 h 5103581"/>
              <a:gd name="connsiteX4" fmla="*/ 0 w 5052375"/>
              <a:gd name="connsiteY4" fmla="*/ 0 h 5103581"/>
              <a:gd name="connsiteX0" fmla="*/ 0 w 5052375"/>
              <a:gd name="connsiteY0" fmla="*/ 0 h 5303905"/>
              <a:gd name="connsiteX1" fmla="*/ 5052375 w 5052375"/>
              <a:gd name="connsiteY1" fmla="*/ 209841 h 5303905"/>
              <a:gd name="connsiteX2" fmla="*/ 5041417 w 5052375"/>
              <a:gd name="connsiteY2" fmla="*/ 5303905 h 5303905"/>
              <a:gd name="connsiteX3" fmla="*/ 3126 w 5052375"/>
              <a:gd name="connsiteY3" fmla="*/ 5103581 h 5303905"/>
              <a:gd name="connsiteX4" fmla="*/ 0 w 5052375"/>
              <a:gd name="connsiteY4" fmla="*/ 0 h 5303905"/>
              <a:gd name="connsiteX0" fmla="*/ 0 w 5052388"/>
              <a:gd name="connsiteY0" fmla="*/ 0 h 5314433"/>
              <a:gd name="connsiteX1" fmla="*/ 5052375 w 5052388"/>
              <a:gd name="connsiteY1" fmla="*/ 209841 h 5314433"/>
              <a:gd name="connsiteX2" fmla="*/ 5051377 w 5052388"/>
              <a:gd name="connsiteY2" fmla="*/ 5314433 h 5314433"/>
              <a:gd name="connsiteX3" fmla="*/ 3126 w 5052388"/>
              <a:gd name="connsiteY3" fmla="*/ 5103581 h 5314433"/>
              <a:gd name="connsiteX4" fmla="*/ 0 w 5052388"/>
              <a:gd name="connsiteY4" fmla="*/ 0 h 53144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52388" h="5314433">
                <a:moveTo>
                  <a:pt x="0" y="0"/>
                </a:moveTo>
                <a:lnTo>
                  <a:pt x="5052375" y="209841"/>
                </a:lnTo>
                <a:cubicBezTo>
                  <a:pt x="5052535" y="1909831"/>
                  <a:pt x="5051217" y="3614443"/>
                  <a:pt x="5051377" y="5314433"/>
                </a:cubicBezTo>
                <a:lnTo>
                  <a:pt x="3126" y="5103581"/>
                </a:lnTo>
                <a:cubicBezTo>
                  <a:pt x="3016" y="3117990"/>
                  <a:pt x="110" y="1985591"/>
                  <a:pt x="0" y="0"/>
                </a:cubicBezTo>
                <a:close/>
              </a:path>
            </a:pathLst>
          </a:custGeom>
          <a:solidFill>
            <a:srgbClr val="2553A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4203" y="1409570"/>
            <a:ext cx="8750684" cy="1493572"/>
          </a:xfrm>
          <a:prstGeom prst="rect">
            <a:avLst/>
          </a:prstGeom>
        </p:spPr>
        <p:txBody>
          <a:bodyPr anchor="b" anchorCtr="0">
            <a:norm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14203" y="3039227"/>
            <a:ext cx="8750684" cy="1651340"/>
          </a:xfrm>
          <a:prstGeom prst="rect">
            <a:avLst/>
          </a:prstGeom>
        </p:spPr>
        <p:txBody>
          <a:bodyPr anchor="ctr" anchorCtr="0"/>
          <a:lstStyle>
            <a:lvl1pPr marL="0" indent="0" algn="l">
              <a:buNone/>
              <a:defRPr lang="da-DK" sz="2751" smtClean="0">
                <a:solidFill>
                  <a:schemeClr val="bg1"/>
                </a:solidFill>
                <a:effectLst/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457064" indent="0" algn="ctr">
              <a:buNone/>
              <a:defRPr sz="2000"/>
            </a:lvl2pPr>
            <a:lvl3pPr marL="914130" indent="0" algn="ctr">
              <a:buNone/>
              <a:defRPr sz="1800"/>
            </a:lvl3pPr>
            <a:lvl4pPr marL="1371194" indent="0" algn="ctr">
              <a:buNone/>
              <a:defRPr sz="1600"/>
            </a:lvl4pPr>
            <a:lvl5pPr marL="1828259" indent="0" algn="ctr">
              <a:buNone/>
              <a:defRPr sz="1600"/>
            </a:lvl5pPr>
            <a:lvl6pPr marL="2285323" indent="0" algn="ctr">
              <a:buNone/>
              <a:defRPr sz="1600"/>
            </a:lvl6pPr>
            <a:lvl7pPr marL="2742389" indent="0" algn="ctr">
              <a:buNone/>
              <a:defRPr sz="1600"/>
            </a:lvl7pPr>
            <a:lvl8pPr marL="3199453" indent="0" algn="ctr">
              <a:buNone/>
              <a:defRPr sz="1600"/>
            </a:lvl8pPr>
            <a:lvl9pPr marL="3656518" indent="0" algn="ctr">
              <a:buNone/>
              <a:defRPr sz="1600"/>
            </a:lvl9pPr>
          </a:lstStyle>
          <a:p>
            <a:r>
              <a:rPr lang="da-DK" dirty="0"/>
              <a:t>Klik for at tilføje undertitel</a:t>
            </a:r>
          </a:p>
        </p:txBody>
      </p:sp>
    </p:spTree>
    <p:extLst>
      <p:ext uri="{BB962C8B-B14F-4D97-AF65-F5344CB8AC3E}">
        <p14:creationId xmlns:p14="http://schemas.microsoft.com/office/powerpoint/2010/main" val="35276769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slide, grå b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 9">
            <a:extLst>
              <a:ext uri="{FF2B5EF4-FFF2-40B4-BE49-F238E27FC236}">
                <a16:creationId xmlns:a16="http://schemas.microsoft.com/office/drawing/2014/main" id="{18600839-B2D6-B14A-8F73-EA6A67D4E83C}"/>
              </a:ext>
            </a:extLst>
          </p:cNvPr>
          <p:cNvSpPr/>
          <p:nvPr userDrawn="1"/>
        </p:nvSpPr>
        <p:spPr>
          <a:xfrm>
            <a:off x="0" y="763635"/>
            <a:ext cx="9645342" cy="5411436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112"/>
              <a:gd name="connsiteY0" fmla="*/ 542140 h 6500326"/>
              <a:gd name="connsiteX1" fmla="*/ 9114809 w 11524112"/>
              <a:gd name="connsiteY1" fmla="*/ 0 h 6500326"/>
              <a:gd name="connsiteX2" fmla="*/ 11524112 w 11524112"/>
              <a:gd name="connsiteY2" fmla="*/ 6500326 h 6500326"/>
              <a:gd name="connsiteX3" fmla="*/ 331 w 11524112"/>
              <a:gd name="connsiteY3" fmla="*/ 6495386 h 6500326"/>
              <a:gd name="connsiteX4" fmla="*/ 0 w 11524112"/>
              <a:gd name="connsiteY4" fmla="*/ 542140 h 6500326"/>
              <a:gd name="connsiteX0" fmla="*/ 0 w 9114809"/>
              <a:gd name="connsiteY0" fmla="*/ 542140 h 6495385"/>
              <a:gd name="connsiteX1" fmla="*/ 9114809 w 9114809"/>
              <a:gd name="connsiteY1" fmla="*/ 0 h 6495385"/>
              <a:gd name="connsiteX2" fmla="*/ 8877165 w 9114809"/>
              <a:gd name="connsiteY2" fmla="*/ 5145825 h 6495385"/>
              <a:gd name="connsiteX3" fmla="*/ 331 w 9114809"/>
              <a:gd name="connsiteY3" fmla="*/ 6495386 h 6495385"/>
              <a:gd name="connsiteX4" fmla="*/ 0 w 9114809"/>
              <a:gd name="connsiteY4" fmla="*/ 542140 h 6495385"/>
              <a:gd name="connsiteX0" fmla="*/ 0 w 9114809"/>
              <a:gd name="connsiteY0" fmla="*/ 542140 h 5145825"/>
              <a:gd name="connsiteX1" fmla="*/ 9114809 w 9114809"/>
              <a:gd name="connsiteY1" fmla="*/ 0 h 5145825"/>
              <a:gd name="connsiteX2" fmla="*/ 8877165 w 9114809"/>
              <a:gd name="connsiteY2" fmla="*/ 5145825 h 5145825"/>
              <a:gd name="connsiteX3" fmla="*/ 497636 w 9114809"/>
              <a:gd name="connsiteY3" fmla="*/ 4695326 h 5145825"/>
              <a:gd name="connsiteX4" fmla="*/ 0 w 9114809"/>
              <a:gd name="connsiteY4" fmla="*/ 542140 h 5145825"/>
              <a:gd name="connsiteX0" fmla="*/ 0 w 9114809"/>
              <a:gd name="connsiteY0" fmla="*/ 542140 h 5497333"/>
              <a:gd name="connsiteX1" fmla="*/ 9114809 w 9114809"/>
              <a:gd name="connsiteY1" fmla="*/ 0 h 5497333"/>
              <a:gd name="connsiteX2" fmla="*/ 8877165 w 9114809"/>
              <a:gd name="connsiteY2" fmla="*/ 5145825 h 5497333"/>
              <a:gd name="connsiteX3" fmla="*/ 160752 w 9114809"/>
              <a:gd name="connsiteY3" fmla="*/ 5497333 h 5497333"/>
              <a:gd name="connsiteX4" fmla="*/ 0 w 9114809"/>
              <a:gd name="connsiteY4" fmla="*/ 542140 h 5497333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8877165 w 9114809"/>
              <a:gd name="connsiteY2" fmla="*/ 5145825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48615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86715 w 9114809"/>
              <a:gd name="connsiteY2" fmla="*/ 5099970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21640"/>
              <a:gd name="connsiteY0" fmla="*/ 542140 h 5677228"/>
              <a:gd name="connsiteX1" fmla="*/ 9114809 w 9121640"/>
              <a:gd name="connsiteY1" fmla="*/ 0 h 5677228"/>
              <a:gd name="connsiteX2" fmla="*/ 9121640 w 9121640"/>
              <a:gd name="connsiteY2" fmla="*/ 5099970 h 5677228"/>
              <a:gd name="connsiteX3" fmla="*/ 5177 w 9121640"/>
              <a:gd name="connsiteY3" fmla="*/ 5677228 h 5677228"/>
              <a:gd name="connsiteX4" fmla="*/ 0 w 9121640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102590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5290"/>
              <a:gd name="connsiteY0" fmla="*/ 542140 h 5677228"/>
              <a:gd name="connsiteX1" fmla="*/ 9114809 w 9115290"/>
              <a:gd name="connsiteY1" fmla="*/ 0 h 5677228"/>
              <a:gd name="connsiteX2" fmla="*/ 9115290 w 9115290"/>
              <a:gd name="connsiteY2" fmla="*/ 5099970 h 5677228"/>
              <a:gd name="connsiteX3" fmla="*/ 5177 w 9115290"/>
              <a:gd name="connsiteY3" fmla="*/ 5677228 h 5677228"/>
              <a:gd name="connsiteX4" fmla="*/ 0 w 9115290"/>
              <a:gd name="connsiteY4" fmla="*/ 542140 h 5677228"/>
              <a:gd name="connsiteX0" fmla="*/ 1179 w 9116469"/>
              <a:gd name="connsiteY0" fmla="*/ 542140 h 5680755"/>
              <a:gd name="connsiteX1" fmla="*/ 9115988 w 9116469"/>
              <a:gd name="connsiteY1" fmla="*/ 0 h 5680755"/>
              <a:gd name="connsiteX2" fmla="*/ 9116469 w 9116469"/>
              <a:gd name="connsiteY2" fmla="*/ 5099970 h 5680755"/>
              <a:gd name="connsiteX3" fmla="*/ 6 w 9116469"/>
              <a:gd name="connsiteY3" fmla="*/ 5680755 h 5680755"/>
              <a:gd name="connsiteX4" fmla="*/ 1179 w 9116469"/>
              <a:gd name="connsiteY4" fmla="*/ 542140 h 56807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6469" h="5680755">
                <a:moveTo>
                  <a:pt x="1179" y="542140"/>
                </a:moveTo>
                <a:lnTo>
                  <a:pt x="9115988" y="0"/>
                </a:lnTo>
                <a:cubicBezTo>
                  <a:pt x="9116148" y="1699990"/>
                  <a:pt x="9116309" y="3399980"/>
                  <a:pt x="9116469" y="5099970"/>
                </a:cubicBezTo>
                <a:lnTo>
                  <a:pt x="6" y="5680755"/>
                </a:lnTo>
                <a:cubicBezTo>
                  <a:pt x="-104" y="3695164"/>
                  <a:pt x="1289" y="2527731"/>
                  <a:pt x="1179" y="542140"/>
                </a:cubicBezTo>
                <a:close/>
              </a:path>
            </a:pathLst>
          </a:custGeom>
          <a:solidFill>
            <a:srgbClr val="B3B4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4" name="Freeform 13">
            <a:extLst>
              <a:ext uri="{FF2B5EF4-FFF2-40B4-BE49-F238E27FC236}">
                <a16:creationId xmlns:a16="http://schemas.microsoft.com/office/drawing/2014/main" id="{F13D60E0-B7D1-FE40-9A2F-8EF31BA5F1CF}"/>
              </a:ext>
            </a:extLst>
          </p:cNvPr>
          <p:cNvSpPr/>
          <p:nvPr userDrawn="1"/>
        </p:nvSpPr>
        <p:spPr>
          <a:xfrm>
            <a:off x="9644093" y="762663"/>
            <a:ext cx="2542990" cy="5062482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112"/>
              <a:gd name="connsiteY0" fmla="*/ 542140 h 6500326"/>
              <a:gd name="connsiteX1" fmla="*/ 9114809 w 11524112"/>
              <a:gd name="connsiteY1" fmla="*/ 0 h 6500326"/>
              <a:gd name="connsiteX2" fmla="*/ 11524112 w 11524112"/>
              <a:gd name="connsiteY2" fmla="*/ 6500326 h 6500326"/>
              <a:gd name="connsiteX3" fmla="*/ 331 w 11524112"/>
              <a:gd name="connsiteY3" fmla="*/ 6495386 h 6500326"/>
              <a:gd name="connsiteX4" fmla="*/ 0 w 11524112"/>
              <a:gd name="connsiteY4" fmla="*/ 542140 h 6500326"/>
              <a:gd name="connsiteX0" fmla="*/ 0 w 9114809"/>
              <a:gd name="connsiteY0" fmla="*/ 542140 h 6495385"/>
              <a:gd name="connsiteX1" fmla="*/ 9114809 w 9114809"/>
              <a:gd name="connsiteY1" fmla="*/ 0 h 6495385"/>
              <a:gd name="connsiteX2" fmla="*/ 8877165 w 9114809"/>
              <a:gd name="connsiteY2" fmla="*/ 5145825 h 6495385"/>
              <a:gd name="connsiteX3" fmla="*/ 331 w 9114809"/>
              <a:gd name="connsiteY3" fmla="*/ 6495386 h 6495385"/>
              <a:gd name="connsiteX4" fmla="*/ 0 w 9114809"/>
              <a:gd name="connsiteY4" fmla="*/ 542140 h 6495385"/>
              <a:gd name="connsiteX0" fmla="*/ 0 w 9114809"/>
              <a:gd name="connsiteY0" fmla="*/ 542140 h 5145825"/>
              <a:gd name="connsiteX1" fmla="*/ 9114809 w 9114809"/>
              <a:gd name="connsiteY1" fmla="*/ 0 h 5145825"/>
              <a:gd name="connsiteX2" fmla="*/ 8877165 w 9114809"/>
              <a:gd name="connsiteY2" fmla="*/ 5145825 h 5145825"/>
              <a:gd name="connsiteX3" fmla="*/ 497636 w 9114809"/>
              <a:gd name="connsiteY3" fmla="*/ 4695326 h 5145825"/>
              <a:gd name="connsiteX4" fmla="*/ 0 w 9114809"/>
              <a:gd name="connsiteY4" fmla="*/ 542140 h 5145825"/>
              <a:gd name="connsiteX0" fmla="*/ 0 w 9114809"/>
              <a:gd name="connsiteY0" fmla="*/ 542140 h 5497333"/>
              <a:gd name="connsiteX1" fmla="*/ 9114809 w 9114809"/>
              <a:gd name="connsiteY1" fmla="*/ 0 h 5497333"/>
              <a:gd name="connsiteX2" fmla="*/ 8877165 w 9114809"/>
              <a:gd name="connsiteY2" fmla="*/ 5145825 h 5497333"/>
              <a:gd name="connsiteX3" fmla="*/ 160752 w 9114809"/>
              <a:gd name="connsiteY3" fmla="*/ 5497333 h 5497333"/>
              <a:gd name="connsiteX4" fmla="*/ 0 w 9114809"/>
              <a:gd name="connsiteY4" fmla="*/ 542140 h 5497333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8877165 w 9114809"/>
              <a:gd name="connsiteY2" fmla="*/ 5145825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48615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086715 w 9114809"/>
              <a:gd name="connsiteY2" fmla="*/ 5099970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21640"/>
              <a:gd name="connsiteY0" fmla="*/ 542140 h 5677228"/>
              <a:gd name="connsiteX1" fmla="*/ 9114809 w 9121640"/>
              <a:gd name="connsiteY1" fmla="*/ 0 h 5677228"/>
              <a:gd name="connsiteX2" fmla="*/ 9121640 w 9121640"/>
              <a:gd name="connsiteY2" fmla="*/ 5099970 h 5677228"/>
              <a:gd name="connsiteX3" fmla="*/ 5177 w 9121640"/>
              <a:gd name="connsiteY3" fmla="*/ 5677228 h 5677228"/>
              <a:gd name="connsiteX4" fmla="*/ 0 w 9121640"/>
              <a:gd name="connsiteY4" fmla="*/ 542140 h 5677228"/>
              <a:gd name="connsiteX0" fmla="*/ 0 w 9114809"/>
              <a:gd name="connsiteY0" fmla="*/ 542140 h 5677228"/>
              <a:gd name="connsiteX1" fmla="*/ 9114809 w 9114809"/>
              <a:gd name="connsiteY1" fmla="*/ 0 h 5677228"/>
              <a:gd name="connsiteX2" fmla="*/ 9102590 w 9114809"/>
              <a:gd name="connsiteY2" fmla="*/ 5096442 h 5677228"/>
              <a:gd name="connsiteX3" fmla="*/ 5177 w 9114809"/>
              <a:gd name="connsiteY3" fmla="*/ 5677228 h 5677228"/>
              <a:gd name="connsiteX4" fmla="*/ 0 w 9114809"/>
              <a:gd name="connsiteY4" fmla="*/ 542140 h 5677228"/>
              <a:gd name="connsiteX0" fmla="*/ 0 w 9115290"/>
              <a:gd name="connsiteY0" fmla="*/ 542140 h 5677228"/>
              <a:gd name="connsiteX1" fmla="*/ 9114809 w 9115290"/>
              <a:gd name="connsiteY1" fmla="*/ 0 h 5677228"/>
              <a:gd name="connsiteX2" fmla="*/ 9115290 w 9115290"/>
              <a:gd name="connsiteY2" fmla="*/ 5099970 h 5677228"/>
              <a:gd name="connsiteX3" fmla="*/ 5177 w 9115290"/>
              <a:gd name="connsiteY3" fmla="*/ 5677228 h 5677228"/>
              <a:gd name="connsiteX4" fmla="*/ 0 w 9115290"/>
              <a:gd name="connsiteY4" fmla="*/ 542140 h 5677228"/>
              <a:gd name="connsiteX0" fmla="*/ 1179 w 9116469"/>
              <a:gd name="connsiteY0" fmla="*/ 542140 h 5680755"/>
              <a:gd name="connsiteX1" fmla="*/ 9115988 w 9116469"/>
              <a:gd name="connsiteY1" fmla="*/ 0 h 5680755"/>
              <a:gd name="connsiteX2" fmla="*/ 9116469 w 9116469"/>
              <a:gd name="connsiteY2" fmla="*/ 5099970 h 5680755"/>
              <a:gd name="connsiteX3" fmla="*/ 6 w 9116469"/>
              <a:gd name="connsiteY3" fmla="*/ 5680755 h 5680755"/>
              <a:gd name="connsiteX4" fmla="*/ 1179 w 9116469"/>
              <a:gd name="connsiteY4" fmla="*/ 542140 h 5680755"/>
              <a:gd name="connsiteX0" fmla="*/ 33753 w 9116465"/>
              <a:gd name="connsiteY0" fmla="*/ 0 h 6223363"/>
              <a:gd name="connsiteX1" fmla="*/ 9115984 w 9116465"/>
              <a:gd name="connsiteY1" fmla="*/ 542608 h 6223363"/>
              <a:gd name="connsiteX2" fmla="*/ 9116465 w 9116465"/>
              <a:gd name="connsiteY2" fmla="*/ 5642578 h 6223363"/>
              <a:gd name="connsiteX3" fmla="*/ 2 w 9116465"/>
              <a:gd name="connsiteY3" fmla="*/ 6223363 h 6223363"/>
              <a:gd name="connsiteX4" fmla="*/ 33753 w 9116465"/>
              <a:gd name="connsiteY4" fmla="*/ 0 h 6223363"/>
              <a:gd name="connsiteX0" fmla="*/ 0 w 9082712"/>
              <a:gd name="connsiteY0" fmla="*/ 0 h 5642577"/>
              <a:gd name="connsiteX1" fmla="*/ 9082231 w 9082712"/>
              <a:gd name="connsiteY1" fmla="*/ 542608 h 5642577"/>
              <a:gd name="connsiteX2" fmla="*/ 9082712 w 9082712"/>
              <a:gd name="connsiteY2" fmla="*/ 5642578 h 5642577"/>
              <a:gd name="connsiteX3" fmla="*/ 357188 w 9082712"/>
              <a:gd name="connsiteY3" fmla="*/ 4845905 h 5642577"/>
              <a:gd name="connsiteX4" fmla="*/ 0 w 9082712"/>
              <a:gd name="connsiteY4" fmla="*/ 0 h 5642577"/>
              <a:gd name="connsiteX0" fmla="*/ 0 w 9082712"/>
              <a:gd name="connsiteY0" fmla="*/ 0 h 5642578"/>
              <a:gd name="connsiteX1" fmla="*/ 9082231 w 9082712"/>
              <a:gd name="connsiteY1" fmla="*/ 542608 h 5642578"/>
              <a:gd name="connsiteX2" fmla="*/ 9082712 w 9082712"/>
              <a:gd name="connsiteY2" fmla="*/ 5642578 h 5642578"/>
              <a:gd name="connsiteX3" fmla="*/ 96562 w 9082712"/>
              <a:gd name="connsiteY3" fmla="*/ 4983652 h 5642578"/>
              <a:gd name="connsiteX4" fmla="*/ 0 w 9082712"/>
              <a:gd name="connsiteY4" fmla="*/ 0 h 5642578"/>
              <a:gd name="connsiteX0" fmla="*/ 0 w 9082712"/>
              <a:gd name="connsiteY0" fmla="*/ 0 h 5642578"/>
              <a:gd name="connsiteX1" fmla="*/ 4912221 w 9082712"/>
              <a:gd name="connsiteY1" fmla="*/ 301553 h 5642578"/>
              <a:gd name="connsiteX2" fmla="*/ 9082712 w 9082712"/>
              <a:gd name="connsiteY2" fmla="*/ 5642578 h 5642578"/>
              <a:gd name="connsiteX3" fmla="*/ 96562 w 9082712"/>
              <a:gd name="connsiteY3" fmla="*/ 4983652 h 5642578"/>
              <a:gd name="connsiteX4" fmla="*/ 0 w 9082712"/>
              <a:gd name="connsiteY4" fmla="*/ 0 h 5642578"/>
              <a:gd name="connsiteX0" fmla="*/ 0 w 4912221"/>
              <a:gd name="connsiteY0" fmla="*/ 0 h 5367087"/>
              <a:gd name="connsiteX1" fmla="*/ 4912221 w 4912221"/>
              <a:gd name="connsiteY1" fmla="*/ 301553 h 5367087"/>
              <a:gd name="connsiteX2" fmla="*/ 4652077 w 4912221"/>
              <a:gd name="connsiteY2" fmla="*/ 5367087 h 5367087"/>
              <a:gd name="connsiteX3" fmla="*/ 96562 w 4912221"/>
              <a:gd name="connsiteY3" fmla="*/ 4983652 h 5367087"/>
              <a:gd name="connsiteX4" fmla="*/ 0 w 4912221"/>
              <a:gd name="connsiteY4" fmla="*/ 0 h 5367087"/>
              <a:gd name="connsiteX0" fmla="*/ 0 w 4938917"/>
              <a:gd name="connsiteY0" fmla="*/ 0 h 5360032"/>
              <a:gd name="connsiteX1" fmla="*/ 4938917 w 4938917"/>
              <a:gd name="connsiteY1" fmla="*/ 294498 h 5360032"/>
              <a:gd name="connsiteX2" fmla="*/ 4678773 w 4938917"/>
              <a:gd name="connsiteY2" fmla="*/ 5360032 h 5360032"/>
              <a:gd name="connsiteX3" fmla="*/ 123258 w 4938917"/>
              <a:gd name="connsiteY3" fmla="*/ 4976597 h 5360032"/>
              <a:gd name="connsiteX4" fmla="*/ 0 w 4938917"/>
              <a:gd name="connsiteY4" fmla="*/ 0 h 5360032"/>
              <a:gd name="connsiteX0" fmla="*/ 0 w 4932243"/>
              <a:gd name="connsiteY0" fmla="*/ 0 h 5363559"/>
              <a:gd name="connsiteX1" fmla="*/ 4932243 w 4932243"/>
              <a:gd name="connsiteY1" fmla="*/ 298025 h 5363559"/>
              <a:gd name="connsiteX2" fmla="*/ 4672099 w 4932243"/>
              <a:gd name="connsiteY2" fmla="*/ 5363559 h 5363559"/>
              <a:gd name="connsiteX3" fmla="*/ 116584 w 4932243"/>
              <a:gd name="connsiteY3" fmla="*/ 4980124 h 5363559"/>
              <a:gd name="connsiteX4" fmla="*/ 0 w 4932243"/>
              <a:gd name="connsiteY4" fmla="*/ 0 h 5363559"/>
              <a:gd name="connsiteX0" fmla="*/ 10222 w 4942465"/>
              <a:gd name="connsiteY0" fmla="*/ 0 h 5363559"/>
              <a:gd name="connsiteX1" fmla="*/ 4942465 w 4942465"/>
              <a:gd name="connsiteY1" fmla="*/ 298025 h 5363559"/>
              <a:gd name="connsiteX2" fmla="*/ 4682321 w 4942465"/>
              <a:gd name="connsiteY2" fmla="*/ 5363559 h 5363559"/>
              <a:gd name="connsiteX3" fmla="*/ 0 w 4942465"/>
              <a:gd name="connsiteY3" fmla="*/ 5107108 h 5363559"/>
              <a:gd name="connsiteX4" fmla="*/ 10222 w 4942465"/>
              <a:gd name="connsiteY4" fmla="*/ 0 h 5363559"/>
              <a:gd name="connsiteX0" fmla="*/ 3550 w 4935793"/>
              <a:gd name="connsiteY0" fmla="*/ 0 h 5363559"/>
              <a:gd name="connsiteX1" fmla="*/ 4935793 w 4935793"/>
              <a:gd name="connsiteY1" fmla="*/ 298025 h 5363559"/>
              <a:gd name="connsiteX2" fmla="*/ 4675649 w 4935793"/>
              <a:gd name="connsiteY2" fmla="*/ 5363559 h 5363559"/>
              <a:gd name="connsiteX3" fmla="*/ 2 w 4935793"/>
              <a:gd name="connsiteY3" fmla="*/ 5107108 h 5363559"/>
              <a:gd name="connsiteX4" fmla="*/ 3550 w 4935793"/>
              <a:gd name="connsiteY4" fmla="*/ 0 h 5363559"/>
              <a:gd name="connsiteX0" fmla="*/ 0 w 4932243"/>
              <a:gd name="connsiteY0" fmla="*/ 0 h 5363559"/>
              <a:gd name="connsiteX1" fmla="*/ 4932243 w 4932243"/>
              <a:gd name="connsiteY1" fmla="*/ 298025 h 5363559"/>
              <a:gd name="connsiteX2" fmla="*/ 4672099 w 4932243"/>
              <a:gd name="connsiteY2" fmla="*/ 5363559 h 5363559"/>
              <a:gd name="connsiteX3" fmla="*/ 3126 w 4932243"/>
              <a:gd name="connsiteY3" fmla="*/ 5092999 h 5363559"/>
              <a:gd name="connsiteX4" fmla="*/ 0 w 4932243"/>
              <a:gd name="connsiteY4" fmla="*/ 0 h 5363559"/>
              <a:gd name="connsiteX0" fmla="*/ 0 w 4932243"/>
              <a:gd name="connsiteY0" fmla="*/ 0 h 5092999"/>
              <a:gd name="connsiteX1" fmla="*/ 4932243 w 4932243"/>
              <a:gd name="connsiteY1" fmla="*/ 298025 h 5092999"/>
              <a:gd name="connsiteX2" fmla="*/ 4832276 w 4932243"/>
              <a:gd name="connsiteY2" fmla="*/ 5024934 h 5092999"/>
              <a:gd name="connsiteX3" fmla="*/ 3126 w 4932243"/>
              <a:gd name="connsiteY3" fmla="*/ 5092999 h 5092999"/>
              <a:gd name="connsiteX4" fmla="*/ 0 w 4932243"/>
              <a:gd name="connsiteY4" fmla="*/ 0 h 5092999"/>
              <a:gd name="connsiteX0" fmla="*/ 0 w 5052375"/>
              <a:gd name="connsiteY0" fmla="*/ 0 h 5092999"/>
              <a:gd name="connsiteX1" fmla="*/ 5052375 w 5052375"/>
              <a:gd name="connsiteY1" fmla="*/ 209841 h 5092999"/>
              <a:gd name="connsiteX2" fmla="*/ 4832276 w 5052375"/>
              <a:gd name="connsiteY2" fmla="*/ 5024934 h 5092999"/>
              <a:gd name="connsiteX3" fmla="*/ 3126 w 5052375"/>
              <a:gd name="connsiteY3" fmla="*/ 5092999 h 5092999"/>
              <a:gd name="connsiteX4" fmla="*/ 0 w 5052375"/>
              <a:gd name="connsiteY4" fmla="*/ 0 h 5092999"/>
              <a:gd name="connsiteX0" fmla="*/ 10222 w 5062597"/>
              <a:gd name="connsiteY0" fmla="*/ 0 h 5100054"/>
              <a:gd name="connsiteX1" fmla="*/ 5062597 w 5062597"/>
              <a:gd name="connsiteY1" fmla="*/ 209841 h 5100054"/>
              <a:gd name="connsiteX2" fmla="*/ 4842498 w 5062597"/>
              <a:gd name="connsiteY2" fmla="*/ 5024934 h 5100054"/>
              <a:gd name="connsiteX3" fmla="*/ 0 w 5062597"/>
              <a:gd name="connsiteY3" fmla="*/ 5100054 h 5100054"/>
              <a:gd name="connsiteX4" fmla="*/ 10222 w 5062597"/>
              <a:gd name="connsiteY4" fmla="*/ 0 h 5100054"/>
              <a:gd name="connsiteX0" fmla="*/ 0 w 5052375"/>
              <a:gd name="connsiteY0" fmla="*/ 0 h 5103581"/>
              <a:gd name="connsiteX1" fmla="*/ 5052375 w 5052375"/>
              <a:gd name="connsiteY1" fmla="*/ 209841 h 5103581"/>
              <a:gd name="connsiteX2" fmla="*/ 4832276 w 5052375"/>
              <a:gd name="connsiteY2" fmla="*/ 5024934 h 5103581"/>
              <a:gd name="connsiteX3" fmla="*/ 3126 w 5052375"/>
              <a:gd name="connsiteY3" fmla="*/ 5103581 h 5103581"/>
              <a:gd name="connsiteX4" fmla="*/ 0 w 5052375"/>
              <a:gd name="connsiteY4" fmla="*/ 0 h 5103581"/>
              <a:gd name="connsiteX0" fmla="*/ 0 w 5052375"/>
              <a:gd name="connsiteY0" fmla="*/ 0 h 5303905"/>
              <a:gd name="connsiteX1" fmla="*/ 5052375 w 5052375"/>
              <a:gd name="connsiteY1" fmla="*/ 209841 h 5303905"/>
              <a:gd name="connsiteX2" fmla="*/ 5041417 w 5052375"/>
              <a:gd name="connsiteY2" fmla="*/ 5303905 h 5303905"/>
              <a:gd name="connsiteX3" fmla="*/ 3126 w 5052375"/>
              <a:gd name="connsiteY3" fmla="*/ 5103581 h 5303905"/>
              <a:gd name="connsiteX4" fmla="*/ 0 w 5052375"/>
              <a:gd name="connsiteY4" fmla="*/ 0 h 5303905"/>
              <a:gd name="connsiteX0" fmla="*/ 0 w 5052388"/>
              <a:gd name="connsiteY0" fmla="*/ 0 h 5314433"/>
              <a:gd name="connsiteX1" fmla="*/ 5052375 w 5052388"/>
              <a:gd name="connsiteY1" fmla="*/ 209841 h 5314433"/>
              <a:gd name="connsiteX2" fmla="*/ 5051377 w 5052388"/>
              <a:gd name="connsiteY2" fmla="*/ 5314433 h 5314433"/>
              <a:gd name="connsiteX3" fmla="*/ 3126 w 5052388"/>
              <a:gd name="connsiteY3" fmla="*/ 5103581 h 5314433"/>
              <a:gd name="connsiteX4" fmla="*/ 0 w 5052388"/>
              <a:gd name="connsiteY4" fmla="*/ 0 h 53144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52388" h="5314433">
                <a:moveTo>
                  <a:pt x="0" y="0"/>
                </a:moveTo>
                <a:lnTo>
                  <a:pt x="5052375" y="209841"/>
                </a:lnTo>
                <a:cubicBezTo>
                  <a:pt x="5052535" y="1909831"/>
                  <a:pt x="5051217" y="3614443"/>
                  <a:pt x="5051377" y="5314433"/>
                </a:cubicBezTo>
                <a:lnTo>
                  <a:pt x="3126" y="5103581"/>
                </a:lnTo>
                <a:cubicBezTo>
                  <a:pt x="3016" y="3117990"/>
                  <a:pt x="110" y="1985591"/>
                  <a:pt x="0" y="0"/>
                </a:cubicBezTo>
                <a:close/>
              </a:path>
            </a:pathLst>
          </a:custGeom>
          <a:solidFill>
            <a:srgbClr val="8A8B8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4203" y="1410908"/>
            <a:ext cx="8750684" cy="1492235"/>
          </a:xfrm>
          <a:prstGeom prst="rect">
            <a:avLst/>
          </a:prstGeom>
        </p:spPr>
        <p:txBody>
          <a:bodyPr anchor="b" anchorCtr="0">
            <a:norm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14203" y="3039227"/>
            <a:ext cx="8750684" cy="1655762"/>
          </a:xfrm>
          <a:prstGeom prst="rect">
            <a:avLst/>
          </a:prstGeom>
        </p:spPr>
        <p:txBody>
          <a:bodyPr anchor="ctr" anchorCtr="0"/>
          <a:lstStyle>
            <a:lvl1pPr marL="0" indent="0" algn="l">
              <a:buNone/>
              <a:defRPr lang="da-DK" sz="2751" smtClean="0">
                <a:solidFill>
                  <a:schemeClr val="bg1"/>
                </a:solidFill>
                <a:effectLst/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457064" indent="0" algn="ctr">
              <a:buNone/>
              <a:defRPr sz="2000"/>
            </a:lvl2pPr>
            <a:lvl3pPr marL="914130" indent="0" algn="ctr">
              <a:buNone/>
              <a:defRPr sz="1800"/>
            </a:lvl3pPr>
            <a:lvl4pPr marL="1371194" indent="0" algn="ctr">
              <a:buNone/>
              <a:defRPr sz="1600"/>
            </a:lvl4pPr>
            <a:lvl5pPr marL="1828259" indent="0" algn="ctr">
              <a:buNone/>
              <a:defRPr sz="1600"/>
            </a:lvl5pPr>
            <a:lvl6pPr marL="2285323" indent="0" algn="ctr">
              <a:buNone/>
              <a:defRPr sz="1600"/>
            </a:lvl6pPr>
            <a:lvl7pPr marL="2742389" indent="0" algn="ctr">
              <a:buNone/>
              <a:defRPr sz="1600"/>
            </a:lvl7pPr>
            <a:lvl8pPr marL="3199453" indent="0" algn="ctr">
              <a:buNone/>
              <a:defRPr sz="1600"/>
            </a:lvl8pPr>
            <a:lvl9pPr marL="3656518" indent="0" algn="ctr">
              <a:buNone/>
              <a:defRPr sz="1600"/>
            </a:lvl9pPr>
          </a:lstStyle>
          <a:p>
            <a:r>
              <a:rPr lang="da-DK" dirty="0"/>
              <a:t>Klik for at tilføje undertitel</a:t>
            </a:r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73DF4F79-6B32-4231-B6A7-ACB6B7267608}"/>
              </a:ext>
            </a:extLst>
          </p:cNvPr>
          <p:cNvSpPr/>
          <p:nvPr userDrawn="1"/>
        </p:nvSpPr>
        <p:spPr>
          <a:xfrm>
            <a:off x="-1" y="0"/>
            <a:ext cx="12193066" cy="1273923"/>
          </a:xfrm>
          <a:custGeom>
            <a:avLst/>
            <a:gdLst>
              <a:gd name="connsiteX0" fmla="*/ 0 w 11524496"/>
              <a:gd name="connsiteY0" fmla="*/ 0 h 1203739"/>
              <a:gd name="connsiteX1" fmla="*/ 11524496 w 11524496"/>
              <a:gd name="connsiteY1" fmla="*/ 0 h 1203739"/>
              <a:gd name="connsiteX2" fmla="*/ 11524496 w 11524496"/>
              <a:gd name="connsiteY2" fmla="*/ 1203739 h 1203739"/>
              <a:gd name="connsiteX3" fmla="*/ 11521131 w 11524496"/>
              <a:gd name="connsiteY3" fmla="*/ 1203739 h 1203739"/>
              <a:gd name="connsiteX4" fmla="*/ 11520937 w 11524496"/>
              <a:gd name="connsiteY4" fmla="*/ 891268 h 1203739"/>
              <a:gd name="connsiteX5" fmla="*/ 11520489 w 11524496"/>
              <a:gd name="connsiteY5" fmla="*/ 891236 h 1203739"/>
              <a:gd name="connsiteX6" fmla="*/ 11520489 w 11524496"/>
              <a:gd name="connsiteY6" fmla="*/ 918369 h 1203739"/>
              <a:gd name="connsiteX7" fmla="*/ 11520423 w 11524496"/>
              <a:gd name="connsiteY7" fmla="*/ 918369 h 1203739"/>
              <a:gd name="connsiteX8" fmla="*/ 11520424 w 11524496"/>
              <a:gd name="connsiteY8" fmla="*/ 909525 h 1203739"/>
              <a:gd name="connsiteX9" fmla="*/ 9249210 w 11524496"/>
              <a:gd name="connsiteY9" fmla="*/ 731044 h 1203739"/>
              <a:gd name="connsiteX10" fmla="*/ 9116877 w 11524496"/>
              <a:gd name="connsiteY10" fmla="*/ 721711 h 1203739"/>
              <a:gd name="connsiteX11" fmla="*/ 9116878 w 11524496"/>
              <a:gd name="connsiteY11" fmla="*/ 728821 h 1203739"/>
              <a:gd name="connsiteX12" fmla="*/ 9116397 w 11524496"/>
              <a:gd name="connsiteY12" fmla="*/ 728821 h 1203739"/>
              <a:gd name="connsiteX13" fmla="*/ 9116396 w 11524496"/>
              <a:gd name="connsiteY13" fmla="*/ 721677 h 1203739"/>
              <a:gd name="connsiteX14" fmla="*/ 9115486 w 11524496"/>
              <a:gd name="connsiteY14" fmla="*/ 721613 h 1203739"/>
              <a:gd name="connsiteX15" fmla="*/ 117856 w 11524496"/>
              <a:gd name="connsiteY15" fmla="*/ 1203325 h 1203739"/>
              <a:gd name="connsiteX16" fmla="*/ 3 w 11524496"/>
              <a:gd name="connsiteY16" fmla="*/ 1203325 h 1203739"/>
              <a:gd name="connsiteX17" fmla="*/ 3 w 11524496"/>
              <a:gd name="connsiteY17" fmla="*/ 1203739 h 1203739"/>
              <a:gd name="connsiteX18" fmla="*/ 0 w 11524496"/>
              <a:gd name="connsiteY18" fmla="*/ 1203739 h 1203739"/>
              <a:gd name="connsiteX19" fmla="*/ 0 w 11524496"/>
              <a:gd name="connsiteY19" fmla="*/ 1162389 h 1203739"/>
              <a:gd name="connsiteX20" fmla="*/ 1 w 11524496"/>
              <a:gd name="connsiteY20" fmla="*/ 1177454 h 1203739"/>
              <a:gd name="connsiteX21" fmla="*/ 1 w 11524496"/>
              <a:gd name="connsiteY21" fmla="*/ 1162389 h 1203739"/>
              <a:gd name="connsiteX22" fmla="*/ 0 w 11524496"/>
              <a:gd name="connsiteY22" fmla="*/ 1162389 h 12037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1524496" h="1203739">
                <a:moveTo>
                  <a:pt x="0" y="0"/>
                </a:moveTo>
                <a:lnTo>
                  <a:pt x="11524496" y="0"/>
                </a:lnTo>
                <a:lnTo>
                  <a:pt x="11524496" y="1203739"/>
                </a:lnTo>
                <a:lnTo>
                  <a:pt x="11521131" y="1203739"/>
                </a:lnTo>
                <a:lnTo>
                  <a:pt x="11520937" y="891268"/>
                </a:lnTo>
                <a:lnTo>
                  <a:pt x="11520489" y="891236"/>
                </a:lnTo>
                <a:lnTo>
                  <a:pt x="11520489" y="918369"/>
                </a:lnTo>
                <a:lnTo>
                  <a:pt x="11520423" y="918369"/>
                </a:lnTo>
                <a:lnTo>
                  <a:pt x="11520424" y="909525"/>
                </a:lnTo>
                <a:lnTo>
                  <a:pt x="9249210" y="731044"/>
                </a:lnTo>
                <a:lnTo>
                  <a:pt x="9116877" y="721711"/>
                </a:lnTo>
                <a:lnTo>
                  <a:pt x="9116878" y="728821"/>
                </a:lnTo>
                <a:lnTo>
                  <a:pt x="9116397" y="728821"/>
                </a:lnTo>
                <a:lnTo>
                  <a:pt x="9116396" y="721677"/>
                </a:lnTo>
                <a:lnTo>
                  <a:pt x="9115486" y="721613"/>
                </a:lnTo>
                <a:lnTo>
                  <a:pt x="117856" y="1203325"/>
                </a:lnTo>
                <a:lnTo>
                  <a:pt x="3" y="1203325"/>
                </a:lnTo>
                <a:lnTo>
                  <a:pt x="3" y="1203739"/>
                </a:lnTo>
                <a:lnTo>
                  <a:pt x="0" y="1203739"/>
                </a:lnTo>
                <a:lnTo>
                  <a:pt x="0" y="1162389"/>
                </a:lnTo>
                <a:lnTo>
                  <a:pt x="1" y="1177454"/>
                </a:lnTo>
                <a:lnTo>
                  <a:pt x="1" y="1162389"/>
                </a:lnTo>
                <a:lnTo>
                  <a:pt x="0" y="1162389"/>
                </a:lnTo>
                <a:close/>
              </a:path>
            </a:pathLst>
          </a:custGeom>
          <a:solidFill>
            <a:srgbClr val="D9D9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238F1D2-C514-46A1-9664-7A31C9277F4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81041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-slide,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E13606D-9E79-174F-A198-BE7BC6697058}"/>
              </a:ext>
            </a:extLst>
          </p:cNvPr>
          <p:cNvSpPr/>
          <p:nvPr userDrawn="1"/>
        </p:nvSpPr>
        <p:spPr>
          <a:xfrm>
            <a:off x="1" y="0"/>
            <a:ext cx="12187082" cy="6159471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7" name="Snip Single Corner Rectangle 9">
            <a:extLst>
              <a:ext uri="{FF2B5EF4-FFF2-40B4-BE49-F238E27FC236}">
                <a16:creationId xmlns:a16="http://schemas.microsoft.com/office/drawing/2014/main" id="{A9C953DF-FB9A-9948-82D1-5F81CAE2ECA7}"/>
              </a:ext>
            </a:extLst>
          </p:cNvPr>
          <p:cNvSpPr/>
          <p:nvPr userDrawn="1"/>
        </p:nvSpPr>
        <p:spPr>
          <a:xfrm rot="10800000">
            <a:off x="0" y="2284326"/>
            <a:ext cx="9558376" cy="3875144"/>
          </a:xfrm>
          <a:custGeom>
            <a:avLst/>
            <a:gdLst>
              <a:gd name="connsiteX0" fmla="*/ 0 w 3822192"/>
              <a:gd name="connsiteY0" fmla="*/ 0 h 2615184"/>
              <a:gd name="connsiteX1" fmla="*/ 3386319 w 3822192"/>
              <a:gd name="connsiteY1" fmla="*/ 0 h 2615184"/>
              <a:gd name="connsiteX2" fmla="*/ 3822192 w 3822192"/>
              <a:gd name="connsiteY2" fmla="*/ 435873 h 2615184"/>
              <a:gd name="connsiteX3" fmla="*/ 3822192 w 3822192"/>
              <a:gd name="connsiteY3" fmla="*/ 2615184 h 2615184"/>
              <a:gd name="connsiteX4" fmla="*/ 0 w 3822192"/>
              <a:gd name="connsiteY4" fmla="*/ 2615184 h 2615184"/>
              <a:gd name="connsiteX5" fmla="*/ 0 w 3822192"/>
              <a:gd name="connsiteY5" fmla="*/ 0 h 2615184"/>
              <a:gd name="connsiteX0" fmla="*/ 0 w 3822192"/>
              <a:gd name="connsiteY0" fmla="*/ 0 h 2615184"/>
              <a:gd name="connsiteX1" fmla="*/ 3822192 w 3822192"/>
              <a:gd name="connsiteY1" fmla="*/ 435873 h 2615184"/>
              <a:gd name="connsiteX2" fmla="*/ 3822192 w 3822192"/>
              <a:gd name="connsiteY2" fmla="*/ 2615184 h 2615184"/>
              <a:gd name="connsiteX3" fmla="*/ 0 w 3822192"/>
              <a:gd name="connsiteY3" fmla="*/ 2615184 h 2615184"/>
              <a:gd name="connsiteX4" fmla="*/ 0 w 3822192"/>
              <a:gd name="connsiteY4" fmla="*/ 0 h 2615184"/>
              <a:gd name="connsiteX0" fmla="*/ 0 w 3822192"/>
              <a:gd name="connsiteY0" fmla="*/ 431460 h 3046644"/>
              <a:gd name="connsiteX1" fmla="*/ 3822192 w 3822192"/>
              <a:gd name="connsiteY1" fmla="*/ 0 h 3046644"/>
              <a:gd name="connsiteX2" fmla="*/ 3822192 w 3822192"/>
              <a:gd name="connsiteY2" fmla="*/ 3046644 h 3046644"/>
              <a:gd name="connsiteX3" fmla="*/ 0 w 3822192"/>
              <a:gd name="connsiteY3" fmla="*/ 3046644 h 3046644"/>
              <a:gd name="connsiteX4" fmla="*/ 0 w 3822192"/>
              <a:gd name="connsiteY4" fmla="*/ 431460 h 30466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822192" h="3046644">
                <a:moveTo>
                  <a:pt x="0" y="431460"/>
                </a:moveTo>
                <a:lnTo>
                  <a:pt x="3822192" y="0"/>
                </a:lnTo>
                <a:lnTo>
                  <a:pt x="3822192" y="3046644"/>
                </a:lnTo>
                <a:lnTo>
                  <a:pt x="0" y="3046644"/>
                </a:lnTo>
                <a:lnTo>
                  <a:pt x="0" y="431460"/>
                </a:lnTo>
                <a:close/>
              </a:path>
            </a:pathLst>
          </a:custGeom>
          <a:solidFill>
            <a:srgbClr val="F2193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8" name="Freeform 7">
            <a:extLst>
              <a:ext uri="{FF2B5EF4-FFF2-40B4-BE49-F238E27FC236}">
                <a16:creationId xmlns:a16="http://schemas.microsoft.com/office/drawing/2014/main" id="{EF499B42-6295-4A42-82E4-BB4D92741457}"/>
              </a:ext>
            </a:extLst>
          </p:cNvPr>
          <p:cNvSpPr/>
          <p:nvPr userDrawn="1"/>
        </p:nvSpPr>
        <p:spPr>
          <a:xfrm>
            <a:off x="-1000" y="5615786"/>
            <a:ext cx="12195970" cy="1241760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496"/>
              <a:gd name="connsiteY0" fmla="*/ 542140 h 6495385"/>
              <a:gd name="connsiteX1" fmla="*/ 9114809 w 11524496"/>
              <a:gd name="connsiteY1" fmla="*/ 0 h 6495385"/>
              <a:gd name="connsiteX2" fmla="*/ 11520937 w 11524496"/>
              <a:gd name="connsiteY2" fmla="*/ 208706 h 6495385"/>
              <a:gd name="connsiteX3" fmla="*/ 11524112 w 11524496"/>
              <a:gd name="connsiteY3" fmla="*/ 3188572 h 6495385"/>
              <a:gd name="connsiteX4" fmla="*/ 331 w 11524496"/>
              <a:gd name="connsiteY4" fmla="*/ 6495386 h 6495385"/>
              <a:gd name="connsiteX5" fmla="*/ 0 w 11524496"/>
              <a:gd name="connsiteY5" fmla="*/ 542140 h 6495385"/>
              <a:gd name="connsiteX0" fmla="*/ 0 w 11524112"/>
              <a:gd name="connsiteY0" fmla="*/ 542140 h 6495386"/>
              <a:gd name="connsiteX1" fmla="*/ 9114809 w 11524112"/>
              <a:gd name="connsiteY1" fmla="*/ 0 h 6495386"/>
              <a:gd name="connsiteX2" fmla="*/ 11520937 w 11524112"/>
              <a:gd name="connsiteY2" fmla="*/ 208706 h 6495386"/>
              <a:gd name="connsiteX3" fmla="*/ 11524112 w 11524112"/>
              <a:gd name="connsiteY3" fmla="*/ 3188572 h 6495386"/>
              <a:gd name="connsiteX4" fmla="*/ 331 w 11524112"/>
              <a:gd name="connsiteY4" fmla="*/ 6495386 h 6495386"/>
              <a:gd name="connsiteX5" fmla="*/ 0 w 11524112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50960 w 11520937"/>
              <a:gd name="connsiteY3" fmla="*/ 1359997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1842676"/>
              <a:gd name="connsiteX1" fmla="*/ 9114809 w 11520937"/>
              <a:gd name="connsiteY1" fmla="*/ 0 h 1842676"/>
              <a:gd name="connsiteX2" fmla="*/ 11520937 w 11520937"/>
              <a:gd name="connsiteY2" fmla="*/ 208706 h 1842676"/>
              <a:gd name="connsiteX3" fmla="*/ 11450960 w 11520937"/>
              <a:gd name="connsiteY3" fmla="*/ 1359997 h 1842676"/>
              <a:gd name="connsiteX4" fmla="*/ 402667 w 11520937"/>
              <a:gd name="connsiteY4" fmla="*/ 1842676 h 1842676"/>
              <a:gd name="connsiteX5" fmla="*/ 0 w 11520937"/>
              <a:gd name="connsiteY5" fmla="*/ 542140 h 1842676"/>
              <a:gd name="connsiteX0" fmla="*/ 0 w 11520937"/>
              <a:gd name="connsiteY0" fmla="*/ 542140 h 1873037"/>
              <a:gd name="connsiteX1" fmla="*/ 9114809 w 11520937"/>
              <a:gd name="connsiteY1" fmla="*/ 0 h 1873037"/>
              <a:gd name="connsiteX2" fmla="*/ 11520937 w 11520937"/>
              <a:gd name="connsiteY2" fmla="*/ 208706 h 1873037"/>
              <a:gd name="connsiteX3" fmla="*/ 11450960 w 11520937"/>
              <a:gd name="connsiteY3" fmla="*/ 1359997 h 1873037"/>
              <a:gd name="connsiteX4" fmla="*/ 402667 w 11520937"/>
              <a:gd name="connsiteY4" fmla="*/ 1842676 h 1873037"/>
              <a:gd name="connsiteX5" fmla="*/ 0 w 11520937"/>
              <a:gd name="connsiteY5" fmla="*/ 542140 h 1873037"/>
              <a:gd name="connsiteX0" fmla="*/ 7907 w 11528844"/>
              <a:gd name="connsiteY0" fmla="*/ 542140 h 1536909"/>
              <a:gd name="connsiteX1" fmla="*/ 9122716 w 11528844"/>
              <a:gd name="connsiteY1" fmla="*/ 0 h 1536909"/>
              <a:gd name="connsiteX2" fmla="*/ 11528844 w 11528844"/>
              <a:gd name="connsiteY2" fmla="*/ 208706 h 1536909"/>
              <a:gd name="connsiteX3" fmla="*/ 11458867 w 11528844"/>
              <a:gd name="connsiteY3" fmla="*/ 1359997 h 1536909"/>
              <a:gd name="connsiteX4" fmla="*/ 8238 w 11528844"/>
              <a:gd name="connsiteY4" fmla="*/ 1090928 h 1536909"/>
              <a:gd name="connsiteX5" fmla="*/ 7907 w 11528844"/>
              <a:gd name="connsiteY5" fmla="*/ 542140 h 1536909"/>
              <a:gd name="connsiteX0" fmla="*/ 0 w 11520937"/>
              <a:gd name="connsiteY0" fmla="*/ 542140 h 1516989"/>
              <a:gd name="connsiteX1" fmla="*/ 9114809 w 11520937"/>
              <a:gd name="connsiteY1" fmla="*/ 0 h 1516989"/>
              <a:gd name="connsiteX2" fmla="*/ 11520937 w 11520937"/>
              <a:gd name="connsiteY2" fmla="*/ 208706 h 1516989"/>
              <a:gd name="connsiteX3" fmla="*/ 11450960 w 11520937"/>
              <a:gd name="connsiteY3" fmla="*/ 1359997 h 1516989"/>
              <a:gd name="connsiteX4" fmla="*/ 329515 w 11520937"/>
              <a:gd name="connsiteY4" fmla="*/ 1029976 h 1516989"/>
              <a:gd name="connsiteX5" fmla="*/ 0 w 11520937"/>
              <a:gd name="connsiteY5" fmla="*/ 542140 h 1516989"/>
              <a:gd name="connsiteX0" fmla="*/ 0 w 11520937"/>
              <a:gd name="connsiteY0" fmla="*/ 542140 h 1562013"/>
              <a:gd name="connsiteX1" fmla="*/ 9114809 w 11520937"/>
              <a:gd name="connsiteY1" fmla="*/ 0 h 1562013"/>
              <a:gd name="connsiteX2" fmla="*/ 11520937 w 11520937"/>
              <a:gd name="connsiteY2" fmla="*/ 208706 h 1562013"/>
              <a:gd name="connsiteX3" fmla="*/ 11450960 w 11520937"/>
              <a:gd name="connsiteY3" fmla="*/ 1359997 h 1562013"/>
              <a:gd name="connsiteX4" fmla="*/ 179534 w 11520937"/>
              <a:gd name="connsiteY4" fmla="*/ 1164351 h 1562013"/>
              <a:gd name="connsiteX5" fmla="*/ 0 w 11520937"/>
              <a:gd name="connsiteY5" fmla="*/ 542140 h 1562013"/>
              <a:gd name="connsiteX0" fmla="*/ 0 w 11520937"/>
              <a:gd name="connsiteY0" fmla="*/ 542140 h 1520033"/>
              <a:gd name="connsiteX1" fmla="*/ 9114809 w 11520937"/>
              <a:gd name="connsiteY1" fmla="*/ 0 h 1520033"/>
              <a:gd name="connsiteX2" fmla="*/ 11520937 w 11520937"/>
              <a:gd name="connsiteY2" fmla="*/ 208706 h 1520033"/>
              <a:gd name="connsiteX3" fmla="*/ 11450960 w 11520937"/>
              <a:gd name="connsiteY3" fmla="*/ 1359997 h 1520033"/>
              <a:gd name="connsiteX4" fmla="*/ 179534 w 11520937"/>
              <a:gd name="connsiteY4" fmla="*/ 1164351 h 1520033"/>
              <a:gd name="connsiteX5" fmla="*/ 0 w 11520937"/>
              <a:gd name="connsiteY5" fmla="*/ 542140 h 1520033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79534 w 11520937"/>
              <a:gd name="connsiteY4" fmla="*/ 1164351 h 1363604"/>
              <a:gd name="connsiteX5" fmla="*/ 0 w 11520937"/>
              <a:gd name="connsiteY5" fmla="*/ 542140 h 1363604"/>
              <a:gd name="connsiteX0" fmla="*/ 1532 w 11522469"/>
              <a:gd name="connsiteY0" fmla="*/ 542140 h 1363604"/>
              <a:gd name="connsiteX1" fmla="*/ 9116341 w 11522469"/>
              <a:gd name="connsiteY1" fmla="*/ 0 h 1363604"/>
              <a:gd name="connsiteX2" fmla="*/ 11522469 w 11522469"/>
              <a:gd name="connsiteY2" fmla="*/ 208706 h 1363604"/>
              <a:gd name="connsiteX3" fmla="*/ 11452492 w 11522469"/>
              <a:gd name="connsiteY3" fmla="*/ 1359997 h 1363604"/>
              <a:gd name="connsiteX4" fmla="*/ 16571 w 11522469"/>
              <a:gd name="connsiteY4" fmla="*/ 1261101 h 1363604"/>
              <a:gd name="connsiteX5" fmla="*/ 1532 w 11522469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946 w 11521883"/>
              <a:gd name="connsiteY0" fmla="*/ 542140 h 1363604"/>
              <a:gd name="connsiteX1" fmla="*/ 9115755 w 11521883"/>
              <a:gd name="connsiteY1" fmla="*/ 0 h 1363604"/>
              <a:gd name="connsiteX2" fmla="*/ 11521883 w 11521883"/>
              <a:gd name="connsiteY2" fmla="*/ 208706 h 1363604"/>
              <a:gd name="connsiteX3" fmla="*/ 11451906 w 11521883"/>
              <a:gd name="connsiteY3" fmla="*/ 1359997 h 1363604"/>
              <a:gd name="connsiteX4" fmla="*/ 110 w 11521883"/>
              <a:gd name="connsiteY4" fmla="*/ 1268156 h 1363604"/>
              <a:gd name="connsiteX5" fmla="*/ 946 w 11521883"/>
              <a:gd name="connsiteY5" fmla="*/ 542140 h 1363604"/>
              <a:gd name="connsiteX0" fmla="*/ 946 w 11525058"/>
              <a:gd name="connsiteY0" fmla="*/ 542140 h 1359997"/>
              <a:gd name="connsiteX1" fmla="*/ 9115755 w 11525058"/>
              <a:gd name="connsiteY1" fmla="*/ 0 h 1359997"/>
              <a:gd name="connsiteX2" fmla="*/ 11525058 w 11525058"/>
              <a:gd name="connsiteY2" fmla="*/ 169906 h 1359997"/>
              <a:gd name="connsiteX3" fmla="*/ 11451906 w 11525058"/>
              <a:gd name="connsiteY3" fmla="*/ 1359997 h 1359997"/>
              <a:gd name="connsiteX4" fmla="*/ 110 w 11525058"/>
              <a:gd name="connsiteY4" fmla="*/ 1268156 h 1359997"/>
              <a:gd name="connsiteX5" fmla="*/ 946 w 11525058"/>
              <a:gd name="connsiteY5" fmla="*/ 542140 h 1359997"/>
              <a:gd name="connsiteX0" fmla="*/ 946 w 11525073"/>
              <a:gd name="connsiteY0" fmla="*/ 542140 h 1359997"/>
              <a:gd name="connsiteX1" fmla="*/ 9115755 w 11525073"/>
              <a:gd name="connsiteY1" fmla="*/ 0 h 1359997"/>
              <a:gd name="connsiteX2" fmla="*/ 11525058 w 11525073"/>
              <a:gd name="connsiteY2" fmla="*/ 169906 h 1359997"/>
              <a:gd name="connsiteX3" fmla="*/ 11451906 w 11525073"/>
              <a:gd name="connsiteY3" fmla="*/ 1359997 h 1359997"/>
              <a:gd name="connsiteX4" fmla="*/ 110 w 11525073"/>
              <a:gd name="connsiteY4" fmla="*/ 1268156 h 1359997"/>
              <a:gd name="connsiteX5" fmla="*/ 946 w 11525073"/>
              <a:gd name="connsiteY5" fmla="*/ 542140 h 1359997"/>
              <a:gd name="connsiteX0" fmla="*/ 946 w 11526882"/>
              <a:gd name="connsiteY0" fmla="*/ 542140 h 1268286"/>
              <a:gd name="connsiteX1" fmla="*/ 9115755 w 11526882"/>
              <a:gd name="connsiteY1" fmla="*/ 0 h 1268286"/>
              <a:gd name="connsiteX2" fmla="*/ 11525058 w 11526882"/>
              <a:gd name="connsiteY2" fmla="*/ 169906 h 1268286"/>
              <a:gd name="connsiteX3" fmla="*/ 11512231 w 11526882"/>
              <a:gd name="connsiteY3" fmla="*/ 1268286 h 1268286"/>
              <a:gd name="connsiteX4" fmla="*/ 110 w 11526882"/>
              <a:gd name="connsiteY4" fmla="*/ 1268156 h 1268286"/>
              <a:gd name="connsiteX5" fmla="*/ 946 w 11526882"/>
              <a:gd name="connsiteY5" fmla="*/ 542140 h 1268286"/>
              <a:gd name="connsiteX0" fmla="*/ 946 w 11525140"/>
              <a:gd name="connsiteY0" fmla="*/ 542140 h 1268286"/>
              <a:gd name="connsiteX1" fmla="*/ 9115755 w 11525140"/>
              <a:gd name="connsiteY1" fmla="*/ 0 h 1268286"/>
              <a:gd name="connsiteX2" fmla="*/ 11525058 w 11525140"/>
              <a:gd name="connsiteY2" fmla="*/ 169906 h 1268286"/>
              <a:gd name="connsiteX3" fmla="*/ 11512231 w 11525140"/>
              <a:gd name="connsiteY3" fmla="*/ 1268286 h 1268286"/>
              <a:gd name="connsiteX4" fmla="*/ 110 w 11525140"/>
              <a:gd name="connsiteY4" fmla="*/ 1268156 h 1268286"/>
              <a:gd name="connsiteX5" fmla="*/ 946 w 11525140"/>
              <a:gd name="connsiteY5" fmla="*/ 542140 h 1268286"/>
              <a:gd name="connsiteX0" fmla="*/ 946 w 11525270"/>
              <a:gd name="connsiteY0" fmla="*/ 542140 h 1271813"/>
              <a:gd name="connsiteX1" fmla="*/ 9115755 w 11525270"/>
              <a:gd name="connsiteY1" fmla="*/ 0 h 1271813"/>
              <a:gd name="connsiteX2" fmla="*/ 11525058 w 11525270"/>
              <a:gd name="connsiteY2" fmla="*/ 169906 h 1271813"/>
              <a:gd name="connsiteX3" fmla="*/ 11518581 w 11525270"/>
              <a:gd name="connsiteY3" fmla="*/ 1271813 h 1271813"/>
              <a:gd name="connsiteX4" fmla="*/ 110 w 11525270"/>
              <a:gd name="connsiteY4" fmla="*/ 1268156 h 1271813"/>
              <a:gd name="connsiteX5" fmla="*/ 946 w 11525270"/>
              <a:gd name="connsiteY5" fmla="*/ 542140 h 1271813"/>
              <a:gd name="connsiteX0" fmla="*/ 946 w 11527241"/>
              <a:gd name="connsiteY0" fmla="*/ 542140 h 1271813"/>
              <a:gd name="connsiteX1" fmla="*/ 9115755 w 11527241"/>
              <a:gd name="connsiteY1" fmla="*/ 0 h 1271813"/>
              <a:gd name="connsiteX2" fmla="*/ 11525058 w 11527241"/>
              <a:gd name="connsiteY2" fmla="*/ 169906 h 1271813"/>
              <a:gd name="connsiteX3" fmla="*/ 11524931 w 11527241"/>
              <a:gd name="connsiteY3" fmla="*/ 1271813 h 1271813"/>
              <a:gd name="connsiteX4" fmla="*/ 110 w 11527241"/>
              <a:gd name="connsiteY4" fmla="*/ 1268156 h 1271813"/>
              <a:gd name="connsiteX5" fmla="*/ 946 w 11527241"/>
              <a:gd name="connsiteY5" fmla="*/ 542140 h 1271813"/>
              <a:gd name="connsiteX0" fmla="*/ 946 w 11527241"/>
              <a:gd name="connsiteY0" fmla="*/ 573886 h 1303559"/>
              <a:gd name="connsiteX1" fmla="*/ 903003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  <a:gd name="connsiteX0" fmla="*/ 946 w 11527241"/>
              <a:gd name="connsiteY0" fmla="*/ 573886 h 1303559"/>
              <a:gd name="connsiteX1" fmla="*/ 903638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7241" h="1303559">
                <a:moveTo>
                  <a:pt x="946" y="573886"/>
                </a:moveTo>
                <a:lnTo>
                  <a:pt x="9036380" y="0"/>
                </a:lnTo>
                <a:lnTo>
                  <a:pt x="11525058" y="201652"/>
                </a:lnTo>
                <a:cubicBezTo>
                  <a:pt x="11526116" y="664524"/>
                  <a:pt x="11529461" y="717231"/>
                  <a:pt x="11524931" y="1303559"/>
                </a:cubicBezTo>
                <a:lnTo>
                  <a:pt x="110" y="1299902"/>
                </a:lnTo>
                <a:cubicBezTo>
                  <a:pt x="-750" y="939156"/>
                  <a:pt x="3777" y="902801"/>
                  <a:pt x="946" y="573886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329FE3A3-0877-9549-9820-361670EFC8B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203" y="3039228"/>
            <a:ext cx="8750684" cy="2032310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AD92AA4-5F1B-4814-BCB2-2B3A677E798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60972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-slide, 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FE13606D-9E79-174F-A198-BE7BC6697058}"/>
              </a:ext>
            </a:extLst>
          </p:cNvPr>
          <p:cNvSpPr/>
          <p:nvPr userDrawn="1"/>
        </p:nvSpPr>
        <p:spPr>
          <a:xfrm>
            <a:off x="1" y="0"/>
            <a:ext cx="12187082" cy="6159471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7" name="Snip Single Corner Rectangle 9">
            <a:extLst>
              <a:ext uri="{FF2B5EF4-FFF2-40B4-BE49-F238E27FC236}">
                <a16:creationId xmlns:a16="http://schemas.microsoft.com/office/drawing/2014/main" id="{A9C953DF-FB9A-9948-82D1-5F81CAE2ECA7}"/>
              </a:ext>
            </a:extLst>
          </p:cNvPr>
          <p:cNvSpPr/>
          <p:nvPr userDrawn="1"/>
        </p:nvSpPr>
        <p:spPr>
          <a:xfrm rot="10800000">
            <a:off x="0" y="2284326"/>
            <a:ext cx="9558376" cy="3875144"/>
          </a:xfrm>
          <a:custGeom>
            <a:avLst/>
            <a:gdLst>
              <a:gd name="connsiteX0" fmla="*/ 0 w 3822192"/>
              <a:gd name="connsiteY0" fmla="*/ 0 h 2615184"/>
              <a:gd name="connsiteX1" fmla="*/ 3386319 w 3822192"/>
              <a:gd name="connsiteY1" fmla="*/ 0 h 2615184"/>
              <a:gd name="connsiteX2" fmla="*/ 3822192 w 3822192"/>
              <a:gd name="connsiteY2" fmla="*/ 435873 h 2615184"/>
              <a:gd name="connsiteX3" fmla="*/ 3822192 w 3822192"/>
              <a:gd name="connsiteY3" fmla="*/ 2615184 h 2615184"/>
              <a:gd name="connsiteX4" fmla="*/ 0 w 3822192"/>
              <a:gd name="connsiteY4" fmla="*/ 2615184 h 2615184"/>
              <a:gd name="connsiteX5" fmla="*/ 0 w 3822192"/>
              <a:gd name="connsiteY5" fmla="*/ 0 h 2615184"/>
              <a:gd name="connsiteX0" fmla="*/ 0 w 3822192"/>
              <a:gd name="connsiteY0" fmla="*/ 0 h 2615184"/>
              <a:gd name="connsiteX1" fmla="*/ 3822192 w 3822192"/>
              <a:gd name="connsiteY1" fmla="*/ 435873 h 2615184"/>
              <a:gd name="connsiteX2" fmla="*/ 3822192 w 3822192"/>
              <a:gd name="connsiteY2" fmla="*/ 2615184 h 2615184"/>
              <a:gd name="connsiteX3" fmla="*/ 0 w 3822192"/>
              <a:gd name="connsiteY3" fmla="*/ 2615184 h 2615184"/>
              <a:gd name="connsiteX4" fmla="*/ 0 w 3822192"/>
              <a:gd name="connsiteY4" fmla="*/ 0 h 2615184"/>
              <a:gd name="connsiteX0" fmla="*/ 0 w 3822192"/>
              <a:gd name="connsiteY0" fmla="*/ 431460 h 3046644"/>
              <a:gd name="connsiteX1" fmla="*/ 3822192 w 3822192"/>
              <a:gd name="connsiteY1" fmla="*/ 0 h 3046644"/>
              <a:gd name="connsiteX2" fmla="*/ 3822192 w 3822192"/>
              <a:gd name="connsiteY2" fmla="*/ 3046644 h 3046644"/>
              <a:gd name="connsiteX3" fmla="*/ 0 w 3822192"/>
              <a:gd name="connsiteY3" fmla="*/ 3046644 h 3046644"/>
              <a:gd name="connsiteX4" fmla="*/ 0 w 3822192"/>
              <a:gd name="connsiteY4" fmla="*/ 431460 h 304664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822192" h="3046644">
                <a:moveTo>
                  <a:pt x="0" y="431460"/>
                </a:moveTo>
                <a:lnTo>
                  <a:pt x="3822192" y="0"/>
                </a:lnTo>
                <a:lnTo>
                  <a:pt x="3822192" y="3046644"/>
                </a:lnTo>
                <a:lnTo>
                  <a:pt x="0" y="3046644"/>
                </a:lnTo>
                <a:lnTo>
                  <a:pt x="0" y="431460"/>
                </a:lnTo>
                <a:close/>
              </a:path>
            </a:pathLst>
          </a:custGeom>
          <a:solidFill>
            <a:srgbClr val="2553A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>
              <a:latin typeface="Open Sans" panose="020B0606030504020204" pitchFamily="34" charset="0"/>
            </a:endParaRPr>
          </a:p>
        </p:txBody>
      </p:sp>
      <p:sp>
        <p:nvSpPr>
          <p:cNvPr id="8" name="Freeform 7">
            <a:extLst>
              <a:ext uri="{FF2B5EF4-FFF2-40B4-BE49-F238E27FC236}">
                <a16:creationId xmlns:a16="http://schemas.microsoft.com/office/drawing/2014/main" id="{EF499B42-6295-4A42-82E4-BB4D92741457}"/>
              </a:ext>
            </a:extLst>
          </p:cNvPr>
          <p:cNvSpPr/>
          <p:nvPr userDrawn="1"/>
        </p:nvSpPr>
        <p:spPr>
          <a:xfrm>
            <a:off x="-1000" y="5615786"/>
            <a:ext cx="12195970" cy="1241760"/>
          </a:xfrm>
          <a:custGeom>
            <a:avLst/>
            <a:gdLst>
              <a:gd name="connsiteX0" fmla="*/ 40944 w 11546006"/>
              <a:gd name="connsiteY0" fmla="*/ 53226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40944 w 11546006"/>
              <a:gd name="connsiteY6" fmla="*/ 532263 h 6482687"/>
              <a:gd name="connsiteX0" fmla="*/ 28244 w 11546006"/>
              <a:gd name="connsiteY0" fmla="*/ 538613 h 6482687"/>
              <a:gd name="connsiteX1" fmla="*/ 9130353 w 11546006"/>
              <a:gd name="connsiteY1" fmla="*/ 0 h 6482687"/>
              <a:gd name="connsiteX2" fmla="*/ 11546006 w 11546006"/>
              <a:gd name="connsiteY2" fmla="*/ 191069 h 6482687"/>
              <a:gd name="connsiteX3" fmla="*/ 11546006 w 11546006"/>
              <a:gd name="connsiteY3" fmla="*/ 6482687 h 6482687"/>
              <a:gd name="connsiteX4" fmla="*/ 10877266 w 11546006"/>
              <a:gd name="connsiteY4" fmla="*/ 6482687 h 6482687"/>
              <a:gd name="connsiteX5" fmla="*/ 0 w 11546006"/>
              <a:gd name="connsiteY5" fmla="*/ 6482687 h 6482687"/>
              <a:gd name="connsiteX6" fmla="*/ 28244 w 11546006"/>
              <a:gd name="connsiteY6" fmla="*/ 538613 h 6482687"/>
              <a:gd name="connsiteX0" fmla="*/ 6019 w 11523781"/>
              <a:gd name="connsiteY0" fmla="*/ 538613 h 6485862"/>
              <a:gd name="connsiteX1" fmla="*/ 9108128 w 11523781"/>
              <a:gd name="connsiteY1" fmla="*/ 0 h 6485862"/>
              <a:gd name="connsiteX2" fmla="*/ 11523781 w 11523781"/>
              <a:gd name="connsiteY2" fmla="*/ 191069 h 6485862"/>
              <a:gd name="connsiteX3" fmla="*/ 11523781 w 11523781"/>
              <a:gd name="connsiteY3" fmla="*/ 6482687 h 6485862"/>
              <a:gd name="connsiteX4" fmla="*/ 10855041 w 11523781"/>
              <a:gd name="connsiteY4" fmla="*/ 6482687 h 6485862"/>
              <a:gd name="connsiteX5" fmla="*/ 0 w 11523781"/>
              <a:gd name="connsiteY5" fmla="*/ 6485862 h 6485862"/>
              <a:gd name="connsiteX6" fmla="*/ 6019 w 11523781"/>
              <a:gd name="connsiteY6" fmla="*/ 538613 h 6485862"/>
              <a:gd name="connsiteX0" fmla="*/ 200 w 11517962"/>
              <a:gd name="connsiteY0" fmla="*/ 538613 h 6489037"/>
              <a:gd name="connsiteX1" fmla="*/ 9102309 w 11517962"/>
              <a:gd name="connsiteY1" fmla="*/ 0 h 6489037"/>
              <a:gd name="connsiteX2" fmla="*/ 11517962 w 11517962"/>
              <a:gd name="connsiteY2" fmla="*/ 191069 h 6489037"/>
              <a:gd name="connsiteX3" fmla="*/ 11517962 w 11517962"/>
              <a:gd name="connsiteY3" fmla="*/ 6482687 h 6489037"/>
              <a:gd name="connsiteX4" fmla="*/ 10849222 w 11517962"/>
              <a:gd name="connsiteY4" fmla="*/ 6482687 h 6489037"/>
              <a:gd name="connsiteX5" fmla="*/ 10056 w 11517962"/>
              <a:gd name="connsiteY5" fmla="*/ 6489037 h 6489037"/>
              <a:gd name="connsiteX6" fmla="*/ 200 w 11517962"/>
              <a:gd name="connsiteY6" fmla="*/ 538613 h 6489037"/>
              <a:gd name="connsiteX0" fmla="*/ 543 w 11518305"/>
              <a:gd name="connsiteY0" fmla="*/ 538613 h 6495387"/>
              <a:gd name="connsiteX1" fmla="*/ 9102652 w 11518305"/>
              <a:gd name="connsiteY1" fmla="*/ 0 h 6495387"/>
              <a:gd name="connsiteX2" fmla="*/ 11518305 w 11518305"/>
              <a:gd name="connsiteY2" fmla="*/ 191069 h 6495387"/>
              <a:gd name="connsiteX3" fmla="*/ 11518305 w 11518305"/>
              <a:gd name="connsiteY3" fmla="*/ 6482687 h 6495387"/>
              <a:gd name="connsiteX4" fmla="*/ 10849565 w 11518305"/>
              <a:gd name="connsiteY4" fmla="*/ 6482687 h 6495387"/>
              <a:gd name="connsiteX5" fmla="*/ 874 w 11518305"/>
              <a:gd name="connsiteY5" fmla="*/ 6495387 h 6495387"/>
              <a:gd name="connsiteX6" fmla="*/ 543 w 11518305"/>
              <a:gd name="connsiteY6" fmla="*/ 538613 h 6495387"/>
              <a:gd name="connsiteX0" fmla="*/ 0 w 11517762"/>
              <a:gd name="connsiteY0" fmla="*/ 538613 h 6495387"/>
              <a:gd name="connsiteX1" fmla="*/ 9102109 w 11517762"/>
              <a:gd name="connsiteY1" fmla="*/ 0 h 6495387"/>
              <a:gd name="connsiteX2" fmla="*/ 11517762 w 11517762"/>
              <a:gd name="connsiteY2" fmla="*/ 191069 h 6495387"/>
              <a:gd name="connsiteX3" fmla="*/ 11517762 w 11517762"/>
              <a:gd name="connsiteY3" fmla="*/ 6482687 h 6495387"/>
              <a:gd name="connsiteX4" fmla="*/ 10849022 w 11517762"/>
              <a:gd name="connsiteY4" fmla="*/ 6482687 h 6495387"/>
              <a:gd name="connsiteX5" fmla="*/ 331 w 11517762"/>
              <a:gd name="connsiteY5" fmla="*/ 6495387 h 6495387"/>
              <a:gd name="connsiteX6" fmla="*/ 0 w 11517762"/>
              <a:gd name="connsiteY6" fmla="*/ 538613 h 6495387"/>
              <a:gd name="connsiteX0" fmla="*/ 0 w 11530462"/>
              <a:gd name="connsiteY0" fmla="*/ 542140 h 6495387"/>
              <a:gd name="connsiteX1" fmla="*/ 9114809 w 11530462"/>
              <a:gd name="connsiteY1" fmla="*/ 0 h 6495387"/>
              <a:gd name="connsiteX2" fmla="*/ 11530462 w 11530462"/>
              <a:gd name="connsiteY2" fmla="*/ 191069 h 6495387"/>
              <a:gd name="connsiteX3" fmla="*/ 11530462 w 11530462"/>
              <a:gd name="connsiteY3" fmla="*/ 6482687 h 6495387"/>
              <a:gd name="connsiteX4" fmla="*/ 10861722 w 11530462"/>
              <a:gd name="connsiteY4" fmla="*/ 6482687 h 6495387"/>
              <a:gd name="connsiteX5" fmla="*/ 13031 w 11530462"/>
              <a:gd name="connsiteY5" fmla="*/ 6495387 h 6495387"/>
              <a:gd name="connsiteX6" fmla="*/ 0 w 11530462"/>
              <a:gd name="connsiteY6" fmla="*/ 542140 h 6495387"/>
              <a:gd name="connsiteX0" fmla="*/ 0 w 11530462"/>
              <a:gd name="connsiteY0" fmla="*/ 542140 h 6484805"/>
              <a:gd name="connsiteX1" fmla="*/ 9114809 w 11530462"/>
              <a:gd name="connsiteY1" fmla="*/ 0 h 6484805"/>
              <a:gd name="connsiteX2" fmla="*/ 11530462 w 11530462"/>
              <a:gd name="connsiteY2" fmla="*/ 191069 h 6484805"/>
              <a:gd name="connsiteX3" fmla="*/ 11530462 w 11530462"/>
              <a:gd name="connsiteY3" fmla="*/ 6482687 h 6484805"/>
              <a:gd name="connsiteX4" fmla="*/ 10861722 w 11530462"/>
              <a:gd name="connsiteY4" fmla="*/ 6482687 h 6484805"/>
              <a:gd name="connsiteX5" fmla="*/ 16206 w 11530462"/>
              <a:gd name="connsiteY5" fmla="*/ 6484805 h 6484805"/>
              <a:gd name="connsiteX6" fmla="*/ 0 w 11530462"/>
              <a:gd name="connsiteY6" fmla="*/ 542140 h 6484805"/>
              <a:gd name="connsiteX0" fmla="*/ 0 w 11530462"/>
              <a:gd name="connsiteY0" fmla="*/ 542140 h 6488332"/>
              <a:gd name="connsiteX1" fmla="*/ 9114809 w 11530462"/>
              <a:gd name="connsiteY1" fmla="*/ 0 h 6488332"/>
              <a:gd name="connsiteX2" fmla="*/ 11530462 w 11530462"/>
              <a:gd name="connsiteY2" fmla="*/ 191069 h 6488332"/>
              <a:gd name="connsiteX3" fmla="*/ 11530462 w 11530462"/>
              <a:gd name="connsiteY3" fmla="*/ 6482687 h 6488332"/>
              <a:gd name="connsiteX4" fmla="*/ 10861722 w 11530462"/>
              <a:gd name="connsiteY4" fmla="*/ 6482687 h 6488332"/>
              <a:gd name="connsiteX5" fmla="*/ 3506 w 11530462"/>
              <a:gd name="connsiteY5" fmla="*/ 6488332 h 6488332"/>
              <a:gd name="connsiteX6" fmla="*/ 0 w 11530462"/>
              <a:gd name="connsiteY6" fmla="*/ 542140 h 6488332"/>
              <a:gd name="connsiteX0" fmla="*/ 2846 w 11533308"/>
              <a:gd name="connsiteY0" fmla="*/ 542140 h 6491859"/>
              <a:gd name="connsiteX1" fmla="*/ 9117655 w 11533308"/>
              <a:gd name="connsiteY1" fmla="*/ 0 h 6491859"/>
              <a:gd name="connsiteX2" fmla="*/ 11533308 w 11533308"/>
              <a:gd name="connsiteY2" fmla="*/ 191069 h 6491859"/>
              <a:gd name="connsiteX3" fmla="*/ 11533308 w 11533308"/>
              <a:gd name="connsiteY3" fmla="*/ 6482687 h 6491859"/>
              <a:gd name="connsiteX4" fmla="*/ 10864568 w 11533308"/>
              <a:gd name="connsiteY4" fmla="*/ 6482687 h 6491859"/>
              <a:gd name="connsiteX5" fmla="*/ 2 w 11533308"/>
              <a:gd name="connsiteY5" fmla="*/ 6491859 h 6491859"/>
              <a:gd name="connsiteX6" fmla="*/ 2846 w 11533308"/>
              <a:gd name="connsiteY6" fmla="*/ 542140 h 6491859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10861722 w 11530462"/>
              <a:gd name="connsiteY4" fmla="*/ 6482687 h 6495386"/>
              <a:gd name="connsiteX5" fmla="*/ 331 w 11530462"/>
              <a:gd name="connsiteY5" fmla="*/ 6495386 h 6495386"/>
              <a:gd name="connsiteX6" fmla="*/ 0 w 11530462"/>
              <a:gd name="connsiteY6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82687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495386"/>
              <a:gd name="connsiteX1" fmla="*/ 9114809 w 11530462"/>
              <a:gd name="connsiteY1" fmla="*/ 0 h 6495386"/>
              <a:gd name="connsiteX2" fmla="*/ 11530462 w 11530462"/>
              <a:gd name="connsiteY2" fmla="*/ 191069 h 6495386"/>
              <a:gd name="connsiteX3" fmla="*/ 11530462 w 11530462"/>
              <a:gd name="connsiteY3" fmla="*/ 6493270 h 6495386"/>
              <a:gd name="connsiteX4" fmla="*/ 331 w 11530462"/>
              <a:gd name="connsiteY4" fmla="*/ 6495386 h 6495386"/>
              <a:gd name="connsiteX5" fmla="*/ 0 w 11530462"/>
              <a:gd name="connsiteY5" fmla="*/ 542140 h 6495386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3853"/>
              <a:gd name="connsiteX1" fmla="*/ 9114809 w 11530462"/>
              <a:gd name="connsiteY1" fmla="*/ 0 h 6503853"/>
              <a:gd name="connsiteX2" fmla="*/ 11530462 w 11530462"/>
              <a:gd name="connsiteY2" fmla="*/ 191069 h 6503853"/>
              <a:gd name="connsiteX3" fmla="*/ 11530462 w 11530462"/>
              <a:gd name="connsiteY3" fmla="*/ 6503853 h 6503853"/>
              <a:gd name="connsiteX4" fmla="*/ 331 w 11530462"/>
              <a:gd name="connsiteY4" fmla="*/ 6495386 h 6503853"/>
              <a:gd name="connsiteX5" fmla="*/ 0 w 11530462"/>
              <a:gd name="connsiteY5" fmla="*/ 542140 h 6503853"/>
              <a:gd name="connsiteX0" fmla="*/ 0 w 11530462"/>
              <a:gd name="connsiteY0" fmla="*/ 542140 h 6500326"/>
              <a:gd name="connsiteX1" fmla="*/ 9114809 w 11530462"/>
              <a:gd name="connsiteY1" fmla="*/ 0 h 6500326"/>
              <a:gd name="connsiteX2" fmla="*/ 11530462 w 11530462"/>
              <a:gd name="connsiteY2" fmla="*/ 191069 h 6500326"/>
              <a:gd name="connsiteX3" fmla="*/ 11524112 w 11530462"/>
              <a:gd name="connsiteY3" fmla="*/ 6500326 h 6500326"/>
              <a:gd name="connsiteX4" fmla="*/ 331 w 11530462"/>
              <a:gd name="connsiteY4" fmla="*/ 6495386 h 6500326"/>
              <a:gd name="connsiteX5" fmla="*/ 0 w 11530462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1069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7287"/>
              <a:gd name="connsiteY0" fmla="*/ 542140 h 6500326"/>
              <a:gd name="connsiteX1" fmla="*/ 9114809 w 11527287"/>
              <a:gd name="connsiteY1" fmla="*/ 0 h 6500326"/>
              <a:gd name="connsiteX2" fmla="*/ 11527287 w 11527287"/>
              <a:gd name="connsiteY2" fmla="*/ 198124 h 6500326"/>
              <a:gd name="connsiteX3" fmla="*/ 11524112 w 11527287"/>
              <a:gd name="connsiteY3" fmla="*/ 6500326 h 6500326"/>
              <a:gd name="connsiteX4" fmla="*/ 331 w 11527287"/>
              <a:gd name="connsiteY4" fmla="*/ 6495386 h 6500326"/>
              <a:gd name="connsiteX5" fmla="*/ 0 w 11527287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198124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393"/>
              <a:gd name="connsiteY0" fmla="*/ 542140 h 6500326"/>
              <a:gd name="connsiteX1" fmla="*/ 9114809 w 11524393"/>
              <a:gd name="connsiteY1" fmla="*/ 0 h 6500326"/>
              <a:gd name="connsiteX2" fmla="*/ 11517762 w 11524393"/>
              <a:gd name="connsiteY2" fmla="*/ 198124 h 6500326"/>
              <a:gd name="connsiteX3" fmla="*/ 11524112 w 11524393"/>
              <a:gd name="connsiteY3" fmla="*/ 6500326 h 6500326"/>
              <a:gd name="connsiteX4" fmla="*/ 331 w 11524393"/>
              <a:gd name="connsiteY4" fmla="*/ 6495386 h 6500326"/>
              <a:gd name="connsiteX5" fmla="*/ 0 w 1152439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1651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5178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5178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723"/>
              <a:gd name="connsiteY0" fmla="*/ 542140 h 6500326"/>
              <a:gd name="connsiteX1" fmla="*/ 9114809 w 11524723"/>
              <a:gd name="connsiteY1" fmla="*/ 0 h 6500326"/>
              <a:gd name="connsiteX2" fmla="*/ 11524112 w 11524723"/>
              <a:gd name="connsiteY2" fmla="*/ 208706 h 6500326"/>
              <a:gd name="connsiteX3" fmla="*/ 11524112 w 11524723"/>
              <a:gd name="connsiteY3" fmla="*/ 6500326 h 6500326"/>
              <a:gd name="connsiteX4" fmla="*/ 331 w 11524723"/>
              <a:gd name="connsiteY4" fmla="*/ 6495386 h 6500326"/>
              <a:gd name="connsiteX5" fmla="*/ 0 w 11524723"/>
              <a:gd name="connsiteY5" fmla="*/ 542140 h 6500326"/>
              <a:gd name="connsiteX0" fmla="*/ 0 w 11524496"/>
              <a:gd name="connsiteY0" fmla="*/ 542140 h 6500326"/>
              <a:gd name="connsiteX1" fmla="*/ 9114809 w 11524496"/>
              <a:gd name="connsiteY1" fmla="*/ 0 h 6500326"/>
              <a:gd name="connsiteX2" fmla="*/ 11520937 w 11524496"/>
              <a:gd name="connsiteY2" fmla="*/ 208706 h 6500326"/>
              <a:gd name="connsiteX3" fmla="*/ 11524112 w 11524496"/>
              <a:gd name="connsiteY3" fmla="*/ 6500326 h 6500326"/>
              <a:gd name="connsiteX4" fmla="*/ 331 w 11524496"/>
              <a:gd name="connsiteY4" fmla="*/ 6495386 h 6500326"/>
              <a:gd name="connsiteX5" fmla="*/ 0 w 11524496"/>
              <a:gd name="connsiteY5" fmla="*/ 542140 h 6500326"/>
              <a:gd name="connsiteX0" fmla="*/ 0 w 11524496"/>
              <a:gd name="connsiteY0" fmla="*/ 542140 h 6495385"/>
              <a:gd name="connsiteX1" fmla="*/ 9114809 w 11524496"/>
              <a:gd name="connsiteY1" fmla="*/ 0 h 6495385"/>
              <a:gd name="connsiteX2" fmla="*/ 11520937 w 11524496"/>
              <a:gd name="connsiteY2" fmla="*/ 208706 h 6495385"/>
              <a:gd name="connsiteX3" fmla="*/ 11524112 w 11524496"/>
              <a:gd name="connsiteY3" fmla="*/ 3188572 h 6495385"/>
              <a:gd name="connsiteX4" fmla="*/ 331 w 11524496"/>
              <a:gd name="connsiteY4" fmla="*/ 6495386 h 6495385"/>
              <a:gd name="connsiteX5" fmla="*/ 0 w 11524496"/>
              <a:gd name="connsiteY5" fmla="*/ 542140 h 6495385"/>
              <a:gd name="connsiteX0" fmla="*/ 0 w 11524112"/>
              <a:gd name="connsiteY0" fmla="*/ 542140 h 6495386"/>
              <a:gd name="connsiteX1" fmla="*/ 9114809 w 11524112"/>
              <a:gd name="connsiteY1" fmla="*/ 0 h 6495386"/>
              <a:gd name="connsiteX2" fmla="*/ 11520937 w 11524112"/>
              <a:gd name="connsiteY2" fmla="*/ 208706 h 6495386"/>
              <a:gd name="connsiteX3" fmla="*/ 11524112 w 11524112"/>
              <a:gd name="connsiteY3" fmla="*/ 3188572 h 6495386"/>
              <a:gd name="connsiteX4" fmla="*/ 331 w 11524112"/>
              <a:gd name="connsiteY4" fmla="*/ 6495386 h 6495386"/>
              <a:gd name="connsiteX5" fmla="*/ 0 w 11524112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14384 w 11520937"/>
              <a:gd name="connsiteY3" fmla="*/ 2233650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6495386"/>
              <a:gd name="connsiteX1" fmla="*/ 9114809 w 11520937"/>
              <a:gd name="connsiteY1" fmla="*/ 0 h 6495386"/>
              <a:gd name="connsiteX2" fmla="*/ 11520937 w 11520937"/>
              <a:gd name="connsiteY2" fmla="*/ 208706 h 6495386"/>
              <a:gd name="connsiteX3" fmla="*/ 11450960 w 11520937"/>
              <a:gd name="connsiteY3" fmla="*/ 1359997 h 6495386"/>
              <a:gd name="connsiteX4" fmla="*/ 331 w 11520937"/>
              <a:gd name="connsiteY4" fmla="*/ 6495386 h 6495386"/>
              <a:gd name="connsiteX5" fmla="*/ 0 w 11520937"/>
              <a:gd name="connsiteY5" fmla="*/ 542140 h 6495386"/>
              <a:gd name="connsiteX0" fmla="*/ 0 w 11520937"/>
              <a:gd name="connsiteY0" fmla="*/ 542140 h 1842676"/>
              <a:gd name="connsiteX1" fmla="*/ 9114809 w 11520937"/>
              <a:gd name="connsiteY1" fmla="*/ 0 h 1842676"/>
              <a:gd name="connsiteX2" fmla="*/ 11520937 w 11520937"/>
              <a:gd name="connsiteY2" fmla="*/ 208706 h 1842676"/>
              <a:gd name="connsiteX3" fmla="*/ 11450960 w 11520937"/>
              <a:gd name="connsiteY3" fmla="*/ 1359997 h 1842676"/>
              <a:gd name="connsiteX4" fmla="*/ 402667 w 11520937"/>
              <a:gd name="connsiteY4" fmla="*/ 1842676 h 1842676"/>
              <a:gd name="connsiteX5" fmla="*/ 0 w 11520937"/>
              <a:gd name="connsiteY5" fmla="*/ 542140 h 1842676"/>
              <a:gd name="connsiteX0" fmla="*/ 0 w 11520937"/>
              <a:gd name="connsiteY0" fmla="*/ 542140 h 1873037"/>
              <a:gd name="connsiteX1" fmla="*/ 9114809 w 11520937"/>
              <a:gd name="connsiteY1" fmla="*/ 0 h 1873037"/>
              <a:gd name="connsiteX2" fmla="*/ 11520937 w 11520937"/>
              <a:gd name="connsiteY2" fmla="*/ 208706 h 1873037"/>
              <a:gd name="connsiteX3" fmla="*/ 11450960 w 11520937"/>
              <a:gd name="connsiteY3" fmla="*/ 1359997 h 1873037"/>
              <a:gd name="connsiteX4" fmla="*/ 402667 w 11520937"/>
              <a:gd name="connsiteY4" fmla="*/ 1842676 h 1873037"/>
              <a:gd name="connsiteX5" fmla="*/ 0 w 11520937"/>
              <a:gd name="connsiteY5" fmla="*/ 542140 h 1873037"/>
              <a:gd name="connsiteX0" fmla="*/ 7907 w 11528844"/>
              <a:gd name="connsiteY0" fmla="*/ 542140 h 1536909"/>
              <a:gd name="connsiteX1" fmla="*/ 9122716 w 11528844"/>
              <a:gd name="connsiteY1" fmla="*/ 0 h 1536909"/>
              <a:gd name="connsiteX2" fmla="*/ 11528844 w 11528844"/>
              <a:gd name="connsiteY2" fmla="*/ 208706 h 1536909"/>
              <a:gd name="connsiteX3" fmla="*/ 11458867 w 11528844"/>
              <a:gd name="connsiteY3" fmla="*/ 1359997 h 1536909"/>
              <a:gd name="connsiteX4" fmla="*/ 8238 w 11528844"/>
              <a:gd name="connsiteY4" fmla="*/ 1090928 h 1536909"/>
              <a:gd name="connsiteX5" fmla="*/ 7907 w 11528844"/>
              <a:gd name="connsiteY5" fmla="*/ 542140 h 1536909"/>
              <a:gd name="connsiteX0" fmla="*/ 0 w 11520937"/>
              <a:gd name="connsiteY0" fmla="*/ 542140 h 1516989"/>
              <a:gd name="connsiteX1" fmla="*/ 9114809 w 11520937"/>
              <a:gd name="connsiteY1" fmla="*/ 0 h 1516989"/>
              <a:gd name="connsiteX2" fmla="*/ 11520937 w 11520937"/>
              <a:gd name="connsiteY2" fmla="*/ 208706 h 1516989"/>
              <a:gd name="connsiteX3" fmla="*/ 11450960 w 11520937"/>
              <a:gd name="connsiteY3" fmla="*/ 1359997 h 1516989"/>
              <a:gd name="connsiteX4" fmla="*/ 329515 w 11520937"/>
              <a:gd name="connsiteY4" fmla="*/ 1029976 h 1516989"/>
              <a:gd name="connsiteX5" fmla="*/ 0 w 11520937"/>
              <a:gd name="connsiteY5" fmla="*/ 542140 h 1516989"/>
              <a:gd name="connsiteX0" fmla="*/ 0 w 11520937"/>
              <a:gd name="connsiteY0" fmla="*/ 542140 h 1562013"/>
              <a:gd name="connsiteX1" fmla="*/ 9114809 w 11520937"/>
              <a:gd name="connsiteY1" fmla="*/ 0 h 1562013"/>
              <a:gd name="connsiteX2" fmla="*/ 11520937 w 11520937"/>
              <a:gd name="connsiteY2" fmla="*/ 208706 h 1562013"/>
              <a:gd name="connsiteX3" fmla="*/ 11450960 w 11520937"/>
              <a:gd name="connsiteY3" fmla="*/ 1359997 h 1562013"/>
              <a:gd name="connsiteX4" fmla="*/ 179534 w 11520937"/>
              <a:gd name="connsiteY4" fmla="*/ 1164351 h 1562013"/>
              <a:gd name="connsiteX5" fmla="*/ 0 w 11520937"/>
              <a:gd name="connsiteY5" fmla="*/ 542140 h 1562013"/>
              <a:gd name="connsiteX0" fmla="*/ 0 w 11520937"/>
              <a:gd name="connsiteY0" fmla="*/ 542140 h 1520033"/>
              <a:gd name="connsiteX1" fmla="*/ 9114809 w 11520937"/>
              <a:gd name="connsiteY1" fmla="*/ 0 h 1520033"/>
              <a:gd name="connsiteX2" fmla="*/ 11520937 w 11520937"/>
              <a:gd name="connsiteY2" fmla="*/ 208706 h 1520033"/>
              <a:gd name="connsiteX3" fmla="*/ 11450960 w 11520937"/>
              <a:gd name="connsiteY3" fmla="*/ 1359997 h 1520033"/>
              <a:gd name="connsiteX4" fmla="*/ 179534 w 11520937"/>
              <a:gd name="connsiteY4" fmla="*/ 1164351 h 1520033"/>
              <a:gd name="connsiteX5" fmla="*/ 0 w 11520937"/>
              <a:gd name="connsiteY5" fmla="*/ 542140 h 1520033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79534 w 11520937"/>
              <a:gd name="connsiteY4" fmla="*/ 1164351 h 1363604"/>
              <a:gd name="connsiteX5" fmla="*/ 0 w 11520937"/>
              <a:gd name="connsiteY5" fmla="*/ 542140 h 1363604"/>
              <a:gd name="connsiteX0" fmla="*/ 1532 w 11522469"/>
              <a:gd name="connsiteY0" fmla="*/ 542140 h 1363604"/>
              <a:gd name="connsiteX1" fmla="*/ 9116341 w 11522469"/>
              <a:gd name="connsiteY1" fmla="*/ 0 h 1363604"/>
              <a:gd name="connsiteX2" fmla="*/ 11522469 w 11522469"/>
              <a:gd name="connsiteY2" fmla="*/ 208706 h 1363604"/>
              <a:gd name="connsiteX3" fmla="*/ 11452492 w 11522469"/>
              <a:gd name="connsiteY3" fmla="*/ 1359997 h 1363604"/>
              <a:gd name="connsiteX4" fmla="*/ 16571 w 11522469"/>
              <a:gd name="connsiteY4" fmla="*/ 1261101 h 1363604"/>
              <a:gd name="connsiteX5" fmla="*/ 1532 w 11522469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15039 w 11520937"/>
              <a:gd name="connsiteY4" fmla="*/ 1261101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0 w 11520937"/>
              <a:gd name="connsiteY0" fmla="*/ 542140 h 1363604"/>
              <a:gd name="connsiteX1" fmla="*/ 9114809 w 11520937"/>
              <a:gd name="connsiteY1" fmla="*/ 0 h 1363604"/>
              <a:gd name="connsiteX2" fmla="*/ 11520937 w 11520937"/>
              <a:gd name="connsiteY2" fmla="*/ 208706 h 1363604"/>
              <a:gd name="connsiteX3" fmla="*/ 11450960 w 11520937"/>
              <a:gd name="connsiteY3" fmla="*/ 1359997 h 1363604"/>
              <a:gd name="connsiteX4" fmla="*/ 8689 w 11520937"/>
              <a:gd name="connsiteY4" fmla="*/ 1271683 h 1363604"/>
              <a:gd name="connsiteX5" fmla="*/ 0 w 11520937"/>
              <a:gd name="connsiteY5" fmla="*/ 542140 h 1363604"/>
              <a:gd name="connsiteX0" fmla="*/ 946 w 11521883"/>
              <a:gd name="connsiteY0" fmla="*/ 542140 h 1363604"/>
              <a:gd name="connsiteX1" fmla="*/ 9115755 w 11521883"/>
              <a:gd name="connsiteY1" fmla="*/ 0 h 1363604"/>
              <a:gd name="connsiteX2" fmla="*/ 11521883 w 11521883"/>
              <a:gd name="connsiteY2" fmla="*/ 208706 h 1363604"/>
              <a:gd name="connsiteX3" fmla="*/ 11451906 w 11521883"/>
              <a:gd name="connsiteY3" fmla="*/ 1359997 h 1363604"/>
              <a:gd name="connsiteX4" fmla="*/ 110 w 11521883"/>
              <a:gd name="connsiteY4" fmla="*/ 1268156 h 1363604"/>
              <a:gd name="connsiteX5" fmla="*/ 946 w 11521883"/>
              <a:gd name="connsiteY5" fmla="*/ 542140 h 1363604"/>
              <a:gd name="connsiteX0" fmla="*/ 946 w 11525058"/>
              <a:gd name="connsiteY0" fmla="*/ 542140 h 1359997"/>
              <a:gd name="connsiteX1" fmla="*/ 9115755 w 11525058"/>
              <a:gd name="connsiteY1" fmla="*/ 0 h 1359997"/>
              <a:gd name="connsiteX2" fmla="*/ 11525058 w 11525058"/>
              <a:gd name="connsiteY2" fmla="*/ 169906 h 1359997"/>
              <a:gd name="connsiteX3" fmla="*/ 11451906 w 11525058"/>
              <a:gd name="connsiteY3" fmla="*/ 1359997 h 1359997"/>
              <a:gd name="connsiteX4" fmla="*/ 110 w 11525058"/>
              <a:gd name="connsiteY4" fmla="*/ 1268156 h 1359997"/>
              <a:gd name="connsiteX5" fmla="*/ 946 w 11525058"/>
              <a:gd name="connsiteY5" fmla="*/ 542140 h 1359997"/>
              <a:gd name="connsiteX0" fmla="*/ 946 w 11525073"/>
              <a:gd name="connsiteY0" fmla="*/ 542140 h 1359997"/>
              <a:gd name="connsiteX1" fmla="*/ 9115755 w 11525073"/>
              <a:gd name="connsiteY1" fmla="*/ 0 h 1359997"/>
              <a:gd name="connsiteX2" fmla="*/ 11525058 w 11525073"/>
              <a:gd name="connsiteY2" fmla="*/ 169906 h 1359997"/>
              <a:gd name="connsiteX3" fmla="*/ 11451906 w 11525073"/>
              <a:gd name="connsiteY3" fmla="*/ 1359997 h 1359997"/>
              <a:gd name="connsiteX4" fmla="*/ 110 w 11525073"/>
              <a:gd name="connsiteY4" fmla="*/ 1268156 h 1359997"/>
              <a:gd name="connsiteX5" fmla="*/ 946 w 11525073"/>
              <a:gd name="connsiteY5" fmla="*/ 542140 h 1359997"/>
              <a:gd name="connsiteX0" fmla="*/ 946 w 11526882"/>
              <a:gd name="connsiteY0" fmla="*/ 542140 h 1268286"/>
              <a:gd name="connsiteX1" fmla="*/ 9115755 w 11526882"/>
              <a:gd name="connsiteY1" fmla="*/ 0 h 1268286"/>
              <a:gd name="connsiteX2" fmla="*/ 11525058 w 11526882"/>
              <a:gd name="connsiteY2" fmla="*/ 169906 h 1268286"/>
              <a:gd name="connsiteX3" fmla="*/ 11512231 w 11526882"/>
              <a:gd name="connsiteY3" fmla="*/ 1268286 h 1268286"/>
              <a:gd name="connsiteX4" fmla="*/ 110 w 11526882"/>
              <a:gd name="connsiteY4" fmla="*/ 1268156 h 1268286"/>
              <a:gd name="connsiteX5" fmla="*/ 946 w 11526882"/>
              <a:gd name="connsiteY5" fmla="*/ 542140 h 1268286"/>
              <a:gd name="connsiteX0" fmla="*/ 946 w 11525140"/>
              <a:gd name="connsiteY0" fmla="*/ 542140 h 1268286"/>
              <a:gd name="connsiteX1" fmla="*/ 9115755 w 11525140"/>
              <a:gd name="connsiteY1" fmla="*/ 0 h 1268286"/>
              <a:gd name="connsiteX2" fmla="*/ 11525058 w 11525140"/>
              <a:gd name="connsiteY2" fmla="*/ 169906 h 1268286"/>
              <a:gd name="connsiteX3" fmla="*/ 11512231 w 11525140"/>
              <a:gd name="connsiteY3" fmla="*/ 1268286 h 1268286"/>
              <a:gd name="connsiteX4" fmla="*/ 110 w 11525140"/>
              <a:gd name="connsiteY4" fmla="*/ 1268156 h 1268286"/>
              <a:gd name="connsiteX5" fmla="*/ 946 w 11525140"/>
              <a:gd name="connsiteY5" fmla="*/ 542140 h 1268286"/>
              <a:gd name="connsiteX0" fmla="*/ 946 w 11525270"/>
              <a:gd name="connsiteY0" fmla="*/ 542140 h 1271813"/>
              <a:gd name="connsiteX1" fmla="*/ 9115755 w 11525270"/>
              <a:gd name="connsiteY1" fmla="*/ 0 h 1271813"/>
              <a:gd name="connsiteX2" fmla="*/ 11525058 w 11525270"/>
              <a:gd name="connsiteY2" fmla="*/ 169906 h 1271813"/>
              <a:gd name="connsiteX3" fmla="*/ 11518581 w 11525270"/>
              <a:gd name="connsiteY3" fmla="*/ 1271813 h 1271813"/>
              <a:gd name="connsiteX4" fmla="*/ 110 w 11525270"/>
              <a:gd name="connsiteY4" fmla="*/ 1268156 h 1271813"/>
              <a:gd name="connsiteX5" fmla="*/ 946 w 11525270"/>
              <a:gd name="connsiteY5" fmla="*/ 542140 h 1271813"/>
              <a:gd name="connsiteX0" fmla="*/ 946 w 11527241"/>
              <a:gd name="connsiteY0" fmla="*/ 542140 h 1271813"/>
              <a:gd name="connsiteX1" fmla="*/ 9115755 w 11527241"/>
              <a:gd name="connsiteY1" fmla="*/ 0 h 1271813"/>
              <a:gd name="connsiteX2" fmla="*/ 11525058 w 11527241"/>
              <a:gd name="connsiteY2" fmla="*/ 169906 h 1271813"/>
              <a:gd name="connsiteX3" fmla="*/ 11524931 w 11527241"/>
              <a:gd name="connsiteY3" fmla="*/ 1271813 h 1271813"/>
              <a:gd name="connsiteX4" fmla="*/ 110 w 11527241"/>
              <a:gd name="connsiteY4" fmla="*/ 1268156 h 1271813"/>
              <a:gd name="connsiteX5" fmla="*/ 946 w 11527241"/>
              <a:gd name="connsiteY5" fmla="*/ 542140 h 1271813"/>
              <a:gd name="connsiteX0" fmla="*/ 946 w 11527241"/>
              <a:gd name="connsiteY0" fmla="*/ 573886 h 1303559"/>
              <a:gd name="connsiteX1" fmla="*/ 903003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  <a:gd name="connsiteX0" fmla="*/ 946 w 11527241"/>
              <a:gd name="connsiteY0" fmla="*/ 573886 h 1303559"/>
              <a:gd name="connsiteX1" fmla="*/ 9036380 w 11527241"/>
              <a:gd name="connsiteY1" fmla="*/ 0 h 1303559"/>
              <a:gd name="connsiteX2" fmla="*/ 11525058 w 11527241"/>
              <a:gd name="connsiteY2" fmla="*/ 201652 h 1303559"/>
              <a:gd name="connsiteX3" fmla="*/ 11524931 w 11527241"/>
              <a:gd name="connsiteY3" fmla="*/ 1303559 h 1303559"/>
              <a:gd name="connsiteX4" fmla="*/ 110 w 11527241"/>
              <a:gd name="connsiteY4" fmla="*/ 1299902 h 1303559"/>
              <a:gd name="connsiteX5" fmla="*/ 946 w 11527241"/>
              <a:gd name="connsiteY5" fmla="*/ 573886 h 13035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527241" h="1303559">
                <a:moveTo>
                  <a:pt x="946" y="573886"/>
                </a:moveTo>
                <a:lnTo>
                  <a:pt x="9036380" y="0"/>
                </a:lnTo>
                <a:lnTo>
                  <a:pt x="11525058" y="201652"/>
                </a:lnTo>
                <a:cubicBezTo>
                  <a:pt x="11526116" y="664524"/>
                  <a:pt x="11529461" y="717231"/>
                  <a:pt x="11524931" y="1303559"/>
                </a:cubicBezTo>
                <a:lnTo>
                  <a:pt x="110" y="1299902"/>
                </a:lnTo>
                <a:cubicBezTo>
                  <a:pt x="-750" y="939156"/>
                  <a:pt x="3777" y="902801"/>
                  <a:pt x="946" y="573886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6745" tIns="48372" rIns="96745" bIns="48372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904" dirty="0">
              <a:latin typeface="Open Sans" panose="020B0606030504020204" pitchFamily="34" charset="0"/>
            </a:endParaRP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329FE3A3-0877-9549-9820-361670EFC8B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203" y="3039228"/>
            <a:ext cx="8750684" cy="2032310"/>
          </a:xfrm>
          <a:prstGeom prst="rect">
            <a:avLst/>
          </a:prstGeom>
        </p:spPr>
        <p:txBody>
          <a:bodyPr anchor="t">
            <a:normAutofit/>
          </a:bodyPr>
          <a:lstStyle>
            <a:lvl1pPr algn="l">
              <a:defRPr lang="da-DK" sz="4867" spc="0" baseline="0" smtClean="0">
                <a:solidFill>
                  <a:schemeClr val="bg1"/>
                </a:solidFill>
                <a:effectLst/>
                <a:latin typeface="+mj-lt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5300CE7-8646-4ADF-B6CB-771F668653C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04758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9A7C19-9E88-49E4-852F-22254990A6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224" y="1409662"/>
            <a:ext cx="10851404" cy="149348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5DF0E2-2399-4657-9B95-3FE3B6DA3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13224" y="3040298"/>
            <a:ext cx="10851404" cy="331536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FE3BC11-B014-4038-8634-40E247186EEB}"/>
              </a:ext>
            </a:extLst>
          </p:cNvPr>
          <p:cNvPicPr>
            <a:picLocks noChangeAspect="1"/>
          </p:cNvPicPr>
          <p:nvPr userDrawn="1"/>
        </p:nvPicPr>
        <p:blipFill>
          <a:blip r:embed="rId26"/>
          <a:stretch>
            <a:fillRect/>
          </a:stretch>
        </p:blipFill>
        <p:spPr>
          <a:xfrm>
            <a:off x="30471" y="68578"/>
            <a:ext cx="1813011" cy="1032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3095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710" r:id="rId2"/>
    <p:sldLayoutId id="2147483675" r:id="rId3"/>
    <p:sldLayoutId id="2147483687" r:id="rId4"/>
    <p:sldLayoutId id="2147483689" r:id="rId5"/>
    <p:sldLayoutId id="2147483686" r:id="rId6"/>
    <p:sldLayoutId id="2147483688" r:id="rId7"/>
    <p:sldLayoutId id="2147483690" r:id="rId8"/>
    <p:sldLayoutId id="2147483691" r:id="rId9"/>
    <p:sldLayoutId id="2147483692" r:id="rId10"/>
    <p:sldLayoutId id="2147483695" r:id="rId11"/>
    <p:sldLayoutId id="2147483705" r:id="rId12"/>
    <p:sldLayoutId id="2147483706" r:id="rId13"/>
    <p:sldLayoutId id="2147483697" r:id="rId14"/>
    <p:sldLayoutId id="2147483702" r:id="rId15"/>
    <p:sldLayoutId id="2147483707" r:id="rId16"/>
    <p:sldLayoutId id="2147483694" r:id="rId17"/>
    <p:sldLayoutId id="2147483704" r:id="rId18"/>
    <p:sldLayoutId id="2147483708" r:id="rId19"/>
    <p:sldLayoutId id="2147483696" r:id="rId20"/>
    <p:sldLayoutId id="2147483703" r:id="rId21"/>
    <p:sldLayoutId id="2147483709" r:id="rId22"/>
    <p:sldLayoutId id="2147483698" r:id="rId23"/>
    <p:sldLayoutId id="2147483700" r:id="rId24"/>
  </p:sldLayoutIdLst>
  <p:hf sldNum="0" hdr="0" ftr="0" dt="0"/>
  <p:txStyles>
    <p:titleStyle>
      <a:lvl1pPr algn="l" defTabSz="914130" rtl="0" eaLnBrk="1" latinLnBrk="0" hangingPunct="1">
        <a:lnSpc>
          <a:spcPct val="90000"/>
        </a:lnSpc>
        <a:spcBef>
          <a:spcPct val="0"/>
        </a:spcBef>
        <a:buNone/>
        <a:defRPr sz="3200" kern="1200">
          <a:solidFill>
            <a:schemeClr val="tx1"/>
          </a:solidFill>
          <a:latin typeface="+mj-lt"/>
          <a:ea typeface="Open Sans Light" panose="020B0306030504020204" pitchFamily="34" charset="0"/>
          <a:cs typeface="Open Sans Light" panose="020B0306030504020204" pitchFamily="34" charset="0"/>
        </a:defRPr>
      </a:lvl1pPr>
    </p:titleStyle>
    <p:bodyStyle>
      <a:lvl1pPr marL="228532" indent="-228532" algn="l" defTabSz="914130" rtl="0" eaLnBrk="1" latinLnBrk="0" hangingPunct="1">
        <a:lnSpc>
          <a:spcPct val="90000"/>
        </a:lnSpc>
        <a:spcBef>
          <a:spcPts val="952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1pPr>
      <a:lvl2pPr marL="45705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2pPr>
      <a:lvl3pPr marL="685584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3pPr>
      <a:lvl4pPr marL="914112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4pPr>
      <a:lvl5pPr marL="121881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5pPr>
      <a:lvl6pPr marL="121881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6pPr>
      <a:lvl7pPr marL="121881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7pPr>
      <a:lvl8pPr marL="121881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8pPr>
      <a:lvl9pPr marL="1218816" indent="-228532" algn="l" defTabSz="914130" rtl="0" eaLnBrk="1" latinLnBrk="0" hangingPunct="1">
        <a:lnSpc>
          <a:spcPct val="90000"/>
        </a:lnSpc>
        <a:spcBef>
          <a:spcPts val="497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Open Sans Light" panose="020B0306030504020204" pitchFamily="34" charset="0"/>
          <a:cs typeface="Open Sans Light" panose="020B0306030504020204" pitchFamily="34" charset="0"/>
        </a:defRPr>
      </a:lvl9pPr>
    </p:bodyStyle>
    <p:otherStyle>
      <a:defPPr>
        <a:defRPr lang="en-US"/>
      </a:defPPr>
      <a:lvl1pPr marL="0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64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30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194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9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323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389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453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518" algn="l" defTabSz="91413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888" userDrawn="1">
          <p15:clr>
            <a:srgbClr val="F26B43"/>
          </p15:clr>
        </p15:guide>
        <p15:guide id="2" pos="384" userDrawn="1">
          <p15:clr>
            <a:srgbClr val="F26B43"/>
          </p15:clr>
        </p15:guide>
        <p15:guide id="3" pos="7222" userDrawn="1">
          <p15:clr>
            <a:srgbClr val="F26B43"/>
          </p15:clr>
        </p15:guide>
        <p15:guide id="4" orient="horz" pos="1829" userDrawn="1">
          <p15:clr>
            <a:srgbClr val="F26B43"/>
          </p15:clr>
        </p15:guide>
        <p15:guide id="5" orient="horz" pos="1914" userDrawn="1">
          <p15:clr>
            <a:srgbClr val="F26B43"/>
          </p15:clr>
        </p15:guide>
        <p15:guide id="6" orient="horz" pos="4241" userDrawn="1">
          <p15:clr>
            <a:srgbClr val="F26B43"/>
          </p15:clr>
        </p15:guide>
        <p15:guide id="7" orient="horz" pos="400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.xml"/><Relationship Id="rId4" Type="http://schemas.openxmlformats.org/officeDocument/2006/relationships/image" Target="../media/image4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emf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230717-21A3-4D1B-81EB-2BCD6AD34DD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14203" y="1826130"/>
            <a:ext cx="8750684" cy="1493572"/>
          </a:xfrm>
        </p:spPr>
        <p:txBody>
          <a:bodyPr>
            <a:normAutofit fontScale="90000"/>
          </a:bodyPr>
          <a:lstStyle/>
          <a:p>
            <a:r>
              <a:rPr lang="da-DK" dirty="0"/>
              <a:t>HVLS også til energireduktion om vinteren i højloftede lokaler</a:t>
            </a:r>
            <a:br>
              <a:rPr lang="da-DK" dirty="0"/>
            </a:br>
            <a:r>
              <a:rPr lang="da-DK" sz="2700" dirty="0"/>
              <a:t>– Udviklet i </a:t>
            </a:r>
            <a:r>
              <a:rPr lang="da-DK" sz="2700" dirty="0" err="1"/>
              <a:t>Elforsk</a:t>
            </a:r>
            <a:r>
              <a:rPr lang="da-DK" sz="2700" dirty="0"/>
              <a:t> projekt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D68681E-2966-49DE-8507-7D70AA44D62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14203" y="3455787"/>
            <a:ext cx="8750684" cy="1651340"/>
          </a:xfrm>
        </p:spPr>
        <p:txBody>
          <a:bodyPr/>
          <a:lstStyle/>
          <a:p>
            <a:r>
              <a:rPr lang="da-DK" dirty="0"/>
              <a:t>Merete Lyngbye og Christian Drivshol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836460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849BDB4-CC1E-4196-9FB8-B4ACAADD09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224" y="821831"/>
            <a:ext cx="10851404" cy="1493480"/>
          </a:xfrm>
        </p:spPr>
        <p:txBody>
          <a:bodyPr/>
          <a:lstStyle/>
          <a:p>
            <a:r>
              <a:rPr lang="da-DK" dirty="0"/>
              <a:t>HVLS og dets anvendelse om vinteren i højloftede lokale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50542CC-E253-4F1B-A2C7-33366A9EC675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612000" y="1974711"/>
            <a:ext cx="10852150" cy="3319463"/>
          </a:xfrm>
        </p:spPr>
        <p:txBody>
          <a:bodyPr/>
          <a:lstStyle/>
          <a:p>
            <a:r>
              <a:rPr lang="da-DK" dirty="0"/>
              <a:t>HVLS projektet udvikler køling med lufthastighed til det Nordeuropæiske klima, så der kan opnås komfort og energibesparelse om sommeren i højloftede lokaler. Det vil sige der ifm. ønske om køling kan investeres i HVLS fans fremfor dyre energikrævende air konditionsanlæg.</a:t>
            </a:r>
          </a:p>
          <a:p>
            <a:r>
              <a:rPr lang="da-DK" dirty="0"/>
              <a:t>Som noget nyt er HVLS også blive udviklet til energireduktion om vinteren. Ved at køre med omvendt omdrejningsrotation – dvs. blæse opad fremfor nedad, vil man kunne forhindre at varmen ligger oppe under loftet om vinteren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39111AC-780E-49E4-A0C7-E4F2D3AD6A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20677" y="4147967"/>
            <a:ext cx="5269989" cy="2657195"/>
          </a:xfrm>
          <a:prstGeom prst="rect">
            <a:avLst/>
          </a:prstGeom>
        </p:spPr>
      </p:pic>
      <p:pic>
        <p:nvPicPr>
          <p:cNvPr id="7" name="Picture 6" descr="A group of people in a room&#10;&#10;Description automatically generated with medium confidence">
            <a:extLst>
              <a:ext uri="{FF2B5EF4-FFF2-40B4-BE49-F238E27FC236}">
                <a16:creationId xmlns:a16="http://schemas.microsoft.com/office/drawing/2014/main" id="{B9567046-DF77-434A-ADAF-04C7594693B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19878" y="4157803"/>
            <a:ext cx="3947658" cy="26317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542978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AEF0F4-220F-47A0-B165-3CE4079BBA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224" y="827431"/>
            <a:ext cx="11173308" cy="1493480"/>
          </a:xfrm>
        </p:spPr>
        <p:txBody>
          <a:bodyPr/>
          <a:lstStyle/>
          <a:p>
            <a:r>
              <a:rPr lang="da-DK" dirty="0"/>
              <a:t>CFD beregninger til beskrivelse af sommer og vinter situation</a:t>
            </a:r>
          </a:p>
        </p:txBody>
      </p:sp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072A1A2F-D9DB-463A-B5CE-18FEFA0C049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40614459"/>
              </p:ext>
            </p:extLst>
          </p:nvPr>
        </p:nvGraphicFramePr>
        <p:xfrm>
          <a:off x="613224" y="2179217"/>
          <a:ext cx="11173308" cy="460747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586654">
                  <a:extLst>
                    <a:ext uri="{9D8B030D-6E8A-4147-A177-3AD203B41FA5}">
                      <a16:colId xmlns:a16="http://schemas.microsoft.com/office/drawing/2014/main" val="2073857546"/>
                    </a:ext>
                  </a:extLst>
                </a:gridCol>
                <a:gridCol w="5586654">
                  <a:extLst>
                    <a:ext uri="{9D8B030D-6E8A-4147-A177-3AD203B41FA5}">
                      <a16:colId xmlns:a16="http://schemas.microsoft.com/office/drawing/2014/main" val="940297002"/>
                    </a:ext>
                  </a:extLst>
                </a:gridCol>
              </a:tblGrid>
              <a:tr h="414730">
                <a:tc>
                  <a:txBody>
                    <a:bodyPr/>
                    <a:lstStyle/>
                    <a:p>
                      <a:r>
                        <a:rPr lang="da-DK" dirty="0"/>
                        <a:t>Sommer (HVLS blæser nedad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Vinter (HVLS blæser opad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32352684"/>
                  </a:ext>
                </a:extLst>
              </a:tr>
              <a:tr h="1329408">
                <a:tc>
                  <a:txBody>
                    <a:bodyPr/>
                    <a:lstStyle/>
                    <a:p>
                      <a:r>
                        <a:rPr lang="da-DK" dirty="0"/>
                        <a:t>Positiv træk skabes i opholdszone til køling</a:t>
                      </a:r>
                    </a:p>
                    <a:p>
                      <a:endParaRPr lang="da-DK" dirty="0"/>
                    </a:p>
                    <a:p>
                      <a:r>
                        <a:rPr lang="da-DK" dirty="0"/>
                        <a:t>Positivt med høje lufthastigheder når temperaturen er for høj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Temperatur gradient fjernes</a:t>
                      </a:r>
                    </a:p>
                    <a:p>
                      <a:endParaRPr lang="da-DK" dirty="0"/>
                    </a:p>
                    <a:p>
                      <a:r>
                        <a:rPr lang="da-DK" dirty="0"/>
                        <a:t>Den varme luft under loftet blæses ned i opholdszonen uden træk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2916505"/>
                  </a:ext>
                </a:extLst>
              </a:tr>
              <a:tr h="2863340">
                <a:tc>
                  <a:txBody>
                    <a:bodyPr/>
                    <a:lstStyle/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48788219"/>
                  </a:ext>
                </a:extLst>
              </a:tr>
            </a:tbl>
          </a:graphicData>
        </a:graphic>
      </p:graphicFrame>
      <p:pic>
        <p:nvPicPr>
          <p:cNvPr id="8" name="Picture 7">
            <a:extLst>
              <a:ext uri="{FF2B5EF4-FFF2-40B4-BE49-F238E27FC236}">
                <a16:creationId xmlns:a16="http://schemas.microsoft.com/office/drawing/2014/main" id="{8AD76A39-6524-4958-8430-D974A68A8CE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2773" y="3959604"/>
            <a:ext cx="5251508" cy="262575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4DFC479-20AC-4D42-BF78-4F8131E2BC3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75633" y="4025977"/>
            <a:ext cx="5144490" cy="2460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15201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13F807-7FC9-4D9B-B9FB-7A4B680CF8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223" y="1017768"/>
            <a:ext cx="11511915" cy="1493480"/>
          </a:xfrm>
        </p:spPr>
        <p:txBody>
          <a:bodyPr>
            <a:normAutofit/>
          </a:bodyPr>
          <a:lstStyle/>
          <a:p>
            <a:r>
              <a:rPr lang="da-DK" dirty="0"/>
              <a:t>Temperatur gradient udjævnet. </a:t>
            </a:r>
            <a:endParaRPr lang="da-DK" sz="2400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07B0E7C2-6408-4D54-9D9F-A75FEF60252D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2"/>
          <a:stretch>
            <a:fillRect/>
          </a:stretch>
        </p:blipFill>
        <p:spPr>
          <a:xfrm>
            <a:off x="6025405" y="3200401"/>
            <a:ext cx="6099734" cy="3614482"/>
          </a:xfrm>
          <a:ln w="31750">
            <a:solidFill>
              <a:schemeClr val="accent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29CCA45F-BCCA-4B79-A0EE-62E7B9AFE5E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788" y="3200401"/>
            <a:ext cx="4935538" cy="3634228"/>
          </a:xfrm>
          <a:prstGeom prst="rect">
            <a:avLst/>
          </a:prstGeom>
        </p:spPr>
      </p:pic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743A5635-52B0-431F-A4DA-105E570C9A43}"/>
              </a:ext>
            </a:extLst>
          </p:cNvPr>
          <p:cNvSpPr txBox="1">
            <a:spLocks/>
          </p:cNvSpPr>
          <p:nvPr/>
        </p:nvSpPr>
        <p:spPr>
          <a:xfrm>
            <a:off x="612000" y="2226632"/>
            <a:ext cx="10852150" cy="331946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28532" indent="-228532" algn="l" defTabSz="914130" rtl="0" eaLnBrk="1" latinLnBrk="0" hangingPunct="1">
              <a:lnSpc>
                <a:spcPct val="90000"/>
              </a:lnSpc>
              <a:spcBef>
                <a:spcPts val="952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45705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2pPr>
            <a:lvl3pPr marL="685584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3pPr>
            <a:lvl4pPr marL="914112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4pPr>
            <a:lvl5pPr marL="121881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5pPr>
            <a:lvl6pPr marL="121881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6pPr>
            <a:lvl7pPr marL="121881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7pPr>
            <a:lvl8pPr marL="121881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8pPr>
            <a:lvl9pPr marL="1218816" indent="-228532" algn="l" defTabSz="914130" rtl="0" eaLnBrk="1" latinLnBrk="0" hangingPunct="1">
              <a:lnSpc>
                <a:spcPct val="90000"/>
              </a:lnSpc>
              <a:spcBef>
                <a:spcPts val="497"/>
              </a:spcBef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Open Sans Light" panose="020B0306030504020204" pitchFamily="34" charset="0"/>
                <a:cs typeface="Open Sans Light" panose="020B0306030504020204" pitchFamily="34" charset="0"/>
              </a:defRPr>
            </a:lvl9pPr>
          </a:lstStyle>
          <a:p>
            <a:r>
              <a:rPr lang="da-DK" dirty="0"/>
              <a:t>Den varme luft ligger ikke oppe under loftet</a:t>
            </a:r>
          </a:p>
          <a:p>
            <a:r>
              <a:rPr lang="da-DK" dirty="0"/>
              <a:t>Temperatur under loftet og ved gulvet er den samme</a:t>
            </a:r>
          </a:p>
        </p:txBody>
      </p:sp>
    </p:spTree>
    <p:extLst>
      <p:ext uri="{BB962C8B-B14F-4D97-AF65-F5344CB8AC3E}">
        <p14:creationId xmlns:p14="http://schemas.microsoft.com/office/powerpoint/2010/main" val="75735798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FA3ABE-BAB1-478A-BBCD-CAC257B807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3224" y="872948"/>
            <a:ext cx="10851404" cy="1493480"/>
          </a:xfrm>
        </p:spPr>
        <p:txBody>
          <a:bodyPr/>
          <a:lstStyle/>
          <a:p>
            <a:r>
              <a:rPr lang="da-DK" dirty="0"/>
              <a:t>Ny opfindelse – gevinst ved omvendt omløbsretning</a:t>
            </a:r>
            <a:br>
              <a:rPr lang="da-DK" dirty="0"/>
            </a:br>
            <a:r>
              <a:rPr lang="da-DK" sz="1600" dirty="0"/>
              <a:t>(Varmen ligger ikke oppe under loftet)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A46F9B19-1A14-4F48-BADA-DE13B4D7CD59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2"/>
          <a:stretch>
            <a:fillRect/>
          </a:stretch>
        </p:blipFill>
        <p:spPr>
          <a:xfrm>
            <a:off x="807728" y="2097639"/>
            <a:ext cx="4797940" cy="2878764"/>
          </a:xfr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7A41814C-4704-48FB-8DA2-7BF5D8491C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29775" y="2098723"/>
            <a:ext cx="4797940" cy="288584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B18DCD2A-391C-4AA2-B148-01DFBC55276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16523" y="5030729"/>
            <a:ext cx="4304755" cy="2085684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4E3EA6AC-67B5-48CF-BEAE-41FE81DA01F2}"/>
              </a:ext>
            </a:extLst>
          </p:cNvPr>
          <p:cNvSpPr txBox="1"/>
          <p:nvPr/>
        </p:nvSpPr>
        <p:spPr>
          <a:xfrm>
            <a:off x="877079" y="4954556"/>
            <a:ext cx="2678947" cy="2931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a-DK" dirty="0"/>
              <a:t>0 </a:t>
            </a:r>
            <a:r>
              <a:rPr lang="da-DK" dirty="0" err="1"/>
              <a:t>rpm</a:t>
            </a:r>
            <a:r>
              <a:rPr lang="da-DK" dirty="0"/>
              <a:t> – varmt ved loftet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6BA9152-94DB-4D32-8CBF-7709530AB183}"/>
              </a:ext>
            </a:extLst>
          </p:cNvPr>
          <p:cNvSpPr txBox="1"/>
          <p:nvPr/>
        </p:nvSpPr>
        <p:spPr>
          <a:xfrm>
            <a:off x="7852973" y="5022579"/>
            <a:ext cx="2797241" cy="58631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/>
            <a:r>
              <a:rPr lang="da-DK" dirty="0"/>
              <a:t>27 </a:t>
            </a:r>
            <a:r>
              <a:rPr lang="da-DK" dirty="0" err="1"/>
              <a:t>rpm</a:t>
            </a:r>
            <a:r>
              <a:rPr lang="da-DK" dirty="0"/>
              <a:t> – varmen sendes </a:t>
            </a:r>
          </a:p>
          <a:p>
            <a:pPr algn="l"/>
            <a:r>
              <a:rPr lang="da-DK" dirty="0"/>
              <a:t>ned uden træk</a:t>
            </a:r>
          </a:p>
        </p:txBody>
      </p:sp>
    </p:spTree>
    <p:extLst>
      <p:ext uri="{BB962C8B-B14F-4D97-AF65-F5344CB8AC3E}">
        <p14:creationId xmlns:p14="http://schemas.microsoft.com/office/powerpoint/2010/main" val="277140401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203F01-D318-42B0-A0B4-38F991209C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 konklusion i </a:t>
            </a:r>
            <a:r>
              <a:rPr lang="da-DK" dirty="0" err="1"/>
              <a:t>Elforsk</a:t>
            </a:r>
            <a:r>
              <a:rPr lang="da-DK" dirty="0"/>
              <a:t> projekt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AE4AF0-7727-4B03-A56D-6DE2A631AFC2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/>
          <a:lstStyle/>
          <a:p>
            <a:r>
              <a:rPr lang="da-DK" dirty="0"/>
              <a:t>HVLS fan har stor effekt på varme- og </a:t>
            </a:r>
            <a:r>
              <a:rPr lang="da-DK" dirty="0" err="1"/>
              <a:t>elbesparelse</a:t>
            </a:r>
            <a:r>
              <a:rPr lang="da-DK" dirty="0"/>
              <a:t> i højloftede lokaler om vinteren</a:t>
            </a:r>
          </a:p>
          <a:p>
            <a:r>
              <a:rPr lang="da-DK" dirty="0"/>
              <a:t>Ofte bruges dyr strålevarme eller kaloriferer i højloftede industrilokaler om vinteren</a:t>
            </a:r>
          </a:p>
          <a:p>
            <a:r>
              <a:rPr lang="da-DK" dirty="0"/>
              <a:t>HVLS fans kan nedbringe energiforbruget som vinteren, da temperaturgradient reduceres så varmen ikke ligger oppe under loftet</a:t>
            </a:r>
          </a:p>
          <a:p>
            <a:r>
              <a:rPr lang="da-DK" dirty="0"/>
              <a:t>HVLS er ikke kun beregnet at skabe køling med lufthastighed om sommeren. </a:t>
            </a:r>
            <a:r>
              <a:rPr lang="da-DK" dirty="0" err="1"/>
              <a:t>Nordicco</a:t>
            </a:r>
            <a:r>
              <a:rPr lang="da-DK" dirty="0"/>
              <a:t> HVLS fan bruges året rundt med energibesparelse til følge.</a:t>
            </a:r>
          </a:p>
          <a:p>
            <a:r>
              <a:rPr lang="da-DK" dirty="0"/>
              <a:t>Denne opfindelse er særligt velegnet til det nordeuropæiske klima og udviklet med støtte fra </a:t>
            </a:r>
            <a:r>
              <a:rPr lang="da-DK" dirty="0" err="1"/>
              <a:t>Elfor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57958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894183212028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8941832120284"/>
</p:tagLst>
</file>

<file path=ppt/theme/theme1.xml><?xml version="1.0" encoding="utf-8"?>
<a:theme xmlns:a="http://schemas.openxmlformats.org/drawingml/2006/main" name="Teknologisk Institut">
  <a:themeElements>
    <a:clrScheme name="Teknologisk Institut">
      <a:dk1>
        <a:srgbClr val="000000"/>
      </a:dk1>
      <a:lt1>
        <a:srgbClr val="FFFFFF"/>
      </a:lt1>
      <a:dk2>
        <a:srgbClr val="434443"/>
      </a:dk2>
      <a:lt2>
        <a:srgbClr val="A9AAA9"/>
      </a:lt2>
      <a:accent1>
        <a:srgbClr val="2552A3"/>
      </a:accent1>
      <a:accent2>
        <a:srgbClr val="F11935"/>
      </a:accent2>
      <a:accent3>
        <a:srgbClr val="67C8BB"/>
      </a:accent3>
      <a:accent4>
        <a:srgbClr val="1C283A"/>
      </a:accent4>
      <a:accent5>
        <a:srgbClr val="FFF300"/>
      </a:accent5>
      <a:accent6>
        <a:srgbClr val="005E49"/>
      </a:accent6>
      <a:hlink>
        <a:srgbClr val="2552A3"/>
      </a:hlink>
      <a:folHlink>
        <a:srgbClr val="2552A3"/>
      </a:folHlink>
    </a:clrScheme>
    <a:fontScheme name="Teknologisk Institut">
      <a:majorFont>
        <a:latin typeface="Open Sans Light"/>
        <a:ea typeface=""/>
        <a:cs typeface=""/>
      </a:majorFont>
      <a:minorFont>
        <a:latin typeface="Open Sans Light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F6B59EE6-6504-4634-8BFF-DE93A60300E2}" vid="{36F0E9E6-53D0-47AE-B92F-7D19CD08461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099296960044018","enableDocumentContentUpdater":true,"version":"1.5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],"transformationConfigurations":[],"templateName":"3D print DK","templateDescription":"","enableDocumentContentUpdater":true,"version":"1.5"}]]></Templafy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099296959536661","enableDocumentContentUpdater":true,"version":"1.5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],"formDataEntries":[]}]]></Templafy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7099296959849230","enableDocumentContentUpdater":true,"version":"1.5"}]]></TemplafySlideTemplateConfiguration>
</file>

<file path=customXml/itemProps1.xml><?xml version="1.0" encoding="utf-8"?>
<ds:datastoreItem xmlns:ds="http://schemas.openxmlformats.org/officeDocument/2006/customXml" ds:itemID="{B4207FE7-F54E-48BB-80C5-6AA2B911638A}">
  <ds:schemaRefs/>
</ds:datastoreItem>
</file>

<file path=customXml/itemProps2.xml><?xml version="1.0" encoding="utf-8"?>
<ds:datastoreItem xmlns:ds="http://schemas.openxmlformats.org/officeDocument/2006/customXml" ds:itemID="{0028BFB0-2217-4E20-A5DF-8CF2CEB2621F}">
  <ds:schemaRefs/>
</ds:datastoreItem>
</file>

<file path=customXml/itemProps3.xml><?xml version="1.0" encoding="utf-8"?>
<ds:datastoreItem xmlns:ds="http://schemas.openxmlformats.org/officeDocument/2006/customXml" ds:itemID="{EDBD5349-D9C2-4F97-9D3B-510137E23FCB}">
  <ds:schemaRefs/>
</ds:datastoreItem>
</file>

<file path=customXml/itemProps4.xml><?xml version="1.0" encoding="utf-8"?>
<ds:datastoreItem xmlns:ds="http://schemas.openxmlformats.org/officeDocument/2006/customXml" ds:itemID="{27193A0D-301D-49B7-BACC-0B5AB0E697FC}">
  <ds:schemaRefs/>
</ds:datastoreItem>
</file>

<file path=customXml/itemProps5.xml><?xml version="1.0" encoding="utf-8"?>
<ds:datastoreItem xmlns:ds="http://schemas.openxmlformats.org/officeDocument/2006/customXml" ds:itemID="{A4BAC2B4-EEA9-4403-BD45-2D666802D3E0}">
  <ds:schemaRefs/>
</ds:datastoreItem>
</file>

<file path=customXml/itemProps6.xml><?xml version="1.0" encoding="utf-8"?>
<ds:datastoreItem xmlns:ds="http://schemas.openxmlformats.org/officeDocument/2006/customXml" ds:itemID="{08C8954B-05BD-4372-9F92-5450F25FACBD}">
  <ds:schemaRefs/>
</ds:datastoreItem>
</file>

<file path=customXml/itemProps7.xml><?xml version="1.0" encoding="utf-8"?>
<ds:datastoreItem xmlns:ds="http://schemas.openxmlformats.org/officeDocument/2006/customXml" ds:itemID="{DB5DCA57-4B84-4833-8C84-1CFAE3678170}">
  <ds:schemaRefs/>
</ds:datastoreItem>
</file>

<file path=customXml/itemProps8.xml><?xml version="1.0" encoding="utf-8"?>
<ds:datastoreItem xmlns:ds="http://schemas.openxmlformats.org/officeDocument/2006/customXml" ds:itemID="{26DFCCC9-A9BF-4DCD-8CC4-09520883C7B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7</TotalTime>
  <Words>302</Words>
  <Application>Microsoft Office PowerPoint</Application>
  <PresentationFormat>Brugerdefineret</PresentationFormat>
  <Paragraphs>34</Paragraphs>
  <Slides>6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0" baseType="lpstr">
      <vt:lpstr>Arial</vt:lpstr>
      <vt:lpstr>Open Sans</vt:lpstr>
      <vt:lpstr>Open Sans Light</vt:lpstr>
      <vt:lpstr>Teknologisk Institut</vt:lpstr>
      <vt:lpstr>HVLS også til energireduktion om vinteren i højloftede lokaler – Udviklet i Elforsk projekt</vt:lpstr>
      <vt:lpstr>HVLS og dets anvendelse om vinteren i højloftede lokaler</vt:lpstr>
      <vt:lpstr>CFD beregninger til beskrivelse af sommer og vinter situation</vt:lpstr>
      <vt:lpstr>Temperatur gradient udjævnet. </vt:lpstr>
      <vt:lpstr>Ny opfindelse – gevinst ved omvendt omløbsretning (Varmen ligger ikke oppe under loftet)</vt:lpstr>
      <vt:lpstr>Del konklusion i Elforsk projektet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VLS også til energireduktion om vinteren</dc:title>
  <dc:subject/>
  <dc:creator>Merete Lyngbye</dc:creator>
  <cp:keywords/>
  <dc:description/>
  <cp:lastModifiedBy>Dorte Lindholm</cp:lastModifiedBy>
  <cp:revision>8</cp:revision>
  <dcterms:created xsi:type="dcterms:W3CDTF">2021-11-23T14:16:13Z</dcterms:created>
  <dcterms:modified xsi:type="dcterms:W3CDTF">2021-11-24T08:18:25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DocumentInfoFinished">
    <vt:lpwstr>True</vt:lpwstr>
  </property>
  <property fmtid="{D5CDD505-2E9C-101B-9397-08002B2CF9AE}" pid="3" name="TemplafyTimeStamp">
    <vt:lpwstr>2019-11-21T10:41:35.2385334</vt:lpwstr>
  </property>
</Properties>
</file>